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i5825803\Desktop\新しいフォルダー\"/>
    </mc:Choice>
  </mc:AlternateContent>
  <bookViews>
    <workbookView xWindow="0" yWindow="0" windowWidth="20490" windowHeight="7530" tabRatio="808"/>
  </bookViews>
  <sheets>
    <sheet name="表紙" sheetId="1" r:id="rId1"/>
    <sheet name="白" sheetId="98" r:id="rId2"/>
    <sheet name="目次" sheetId="87" r:id="rId3"/>
    <sheet name="目次 (2)" sheetId="143" r:id="rId4"/>
    <sheet name="目次 (3)" sheetId="144" r:id="rId5"/>
    <sheet name="目次 (4)" sheetId="145" r:id="rId6"/>
    <sheet name="中表紙" sheetId="94" r:id="rId7"/>
    <sheet name="白 (3)" sheetId="100" r:id="rId8"/>
    <sheet name="1" sheetId="88" r:id="rId9"/>
    <sheet name="2" sheetId="136" r:id="rId10"/>
    <sheet name="3" sheetId="137" r:id="rId11"/>
    <sheet name="4" sheetId="89" r:id="rId12"/>
    <sheet name="5" sheetId="152" r:id="rId13"/>
    <sheet name="6" sheetId="153" r:id="rId14"/>
    <sheet name="中表紙 (2)" sheetId="139" r:id="rId15"/>
    <sheet name="白 (4)" sheetId="140" r:id="rId16"/>
    <sheet name="7" sheetId="149" r:id="rId17"/>
    <sheet name="8" sheetId="154" r:id="rId18"/>
    <sheet name="9" sheetId="150" r:id="rId19"/>
    <sheet name="10" sheetId="156" r:id="rId20"/>
  </sheets>
  <definedNames>
    <definedName name="_xlnm.Print_Area" localSheetId="8">'1'!$A$1:$K$49</definedName>
    <definedName name="_xlnm.Print_Area" localSheetId="19">'10'!$A$1:$O$37</definedName>
    <definedName name="_xlnm.Print_Area" localSheetId="9">'2'!$A$1:$M$63</definedName>
    <definedName name="_xlnm.Print_Area" localSheetId="10">'3'!$A$1:$N$39</definedName>
    <definedName name="_xlnm.Print_Area" localSheetId="11">'4'!$A$1:$N$42</definedName>
    <definedName name="_xlnm.Print_Area" localSheetId="12">'5'!$B$1:$N$46</definedName>
    <definedName name="_xlnm.Print_Area" localSheetId="13">'6'!$A$1:$N$44</definedName>
    <definedName name="_xlnm.Print_Area" localSheetId="16">'7'!$A$1:$O$32</definedName>
    <definedName name="_xlnm.Print_Area" localSheetId="17">'8'!$A$1:$O$37</definedName>
    <definedName name="_xlnm.Print_Area" localSheetId="18">'9'!$A$1:$O$37</definedName>
    <definedName name="_xlnm.Print_Area" localSheetId="6">中表紙!$A$1:$V$50</definedName>
    <definedName name="_xlnm.Print_Area" localSheetId="14">'中表紙 (2)'!$A$1:$V$50</definedName>
    <definedName name="_xlnm.Print_Area" localSheetId="1">白!$A$1:$V$50</definedName>
    <definedName name="_xlnm.Print_Area" localSheetId="7">'白 (3)'!$A$1:$V$49</definedName>
    <definedName name="_xlnm.Print_Area" localSheetId="15">'白 (4)'!$A$1:$V$49</definedName>
    <definedName name="_xlnm.Print_Area" localSheetId="0">表紙!$A$1:$V$49</definedName>
    <definedName name="_xlnm.Print_Area" localSheetId="2">目次!$A$1:$V$36</definedName>
    <definedName name="_xlnm.Print_Area" localSheetId="3">'目次 (2)'!$A$1:$V$36</definedName>
    <definedName name="_xlnm.Print_Area" localSheetId="4">'目次 (3)'!$A$1:$V$38</definedName>
    <definedName name="_xlnm.Print_Area" localSheetId="5">'目次 (4)'!$A$1:$V$35</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K58" i="136" l="1"/>
  <c r="K29" i="136"/>
  <c r="I48" i="88"/>
  <c r="J48" i="88"/>
  <c r="J47" i="88"/>
  <c r="J46" i="88"/>
  <c r="J45" i="88"/>
  <c r="J44" i="88"/>
  <c r="J43" i="88"/>
  <c r="I39" i="88"/>
  <c r="J39" i="88"/>
  <c r="J38" i="88"/>
  <c r="J37" i="88"/>
  <c r="J36" i="88"/>
  <c r="J35" i="88"/>
  <c r="J34" i="88"/>
</calcChain>
</file>

<file path=xl/sharedStrings.xml><?xml version="1.0" encoding="utf-8"?>
<sst xmlns="http://schemas.openxmlformats.org/spreadsheetml/2006/main" count="558" uniqueCount="290">
  <si>
    <t>目　次</t>
    <rPh sb="0" eb="1">
      <t>メ</t>
    </rPh>
    <rPh sb="2" eb="3">
      <t>ツギ</t>
    </rPh>
    <phoneticPr fontId="2"/>
  </si>
  <si>
    <t>調査項目</t>
    <rPh sb="0" eb="2">
      <t>チョウサ</t>
    </rPh>
    <rPh sb="2" eb="4">
      <t>コウモク</t>
    </rPh>
    <phoneticPr fontId="2"/>
  </si>
  <si>
    <t>調査対象</t>
    <rPh sb="0" eb="2">
      <t>チョウサ</t>
    </rPh>
    <rPh sb="2" eb="4">
      <t>タイショウ</t>
    </rPh>
    <phoneticPr fontId="2"/>
  </si>
  <si>
    <t>15～19歳</t>
  </si>
  <si>
    <t>20～24歳</t>
  </si>
  <si>
    <t>25～29歳</t>
  </si>
  <si>
    <t>30～34歳</t>
  </si>
  <si>
    <t>35～39歳</t>
  </si>
  <si>
    <t>40～44歳</t>
  </si>
  <si>
    <t>45～49歳</t>
  </si>
  <si>
    <t>50～54歳</t>
  </si>
  <si>
    <t>55～59歳</t>
  </si>
  <si>
    <t>60～64歳</t>
  </si>
  <si>
    <t>（本人票）</t>
    <rPh sb="1" eb="3">
      <t>ホンニン</t>
    </rPh>
    <rPh sb="3" eb="4">
      <t>ヒョウ</t>
    </rPh>
    <phoneticPr fontId="2"/>
  </si>
  <si>
    <t>（同居者票）</t>
    <rPh sb="1" eb="4">
      <t>ドウキョシャ</t>
    </rPh>
    <rPh sb="4" eb="5">
      <t>ヒョウ</t>
    </rPh>
    <phoneticPr fontId="2"/>
  </si>
  <si>
    <t>（１）基本的属性について（Q１～Q５）</t>
    <rPh sb="3" eb="5">
      <t>キホン</t>
    </rPh>
    <rPh sb="5" eb="6">
      <t>テキ</t>
    </rPh>
    <rPh sb="6" eb="8">
      <t>ゾクセイ</t>
    </rPh>
    <phoneticPr fontId="2"/>
  </si>
  <si>
    <t>（３）就労・就学等に関すること（Q８～Q１２）</t>
    <rPh sb="3" eb="5">
      <t>シュウロウ</t>
    </rPh>
    <rPh sb="6" eb="8">
      <t>シュウガク</t>
    </rPh>
    <rPh sb="8" eb="9">
      <t>ナド</t>
    </rPh>
    <rPh sb="10" eb="11">
      <t>カン</t>
    </rPh>
    <phoneticPr fontId="2"/>
  </si>
  <si>
    <t>（４）普段の活動に関すること（Q１３）</t>
    <rPh sb="3" eb="5">
      <t>フダン</t>
    </rPh>
    <rPh sb="6" eb="8">
      <t>カツドウ</t>
    </rPh>
    <rPh sb="9" eb="10">
      <t>カン</t>
    </rPh>
    <phoneticPr fontId="2"/>
  </si>
  <si>
    <t>（５）ひきこもりの状態に関すること（Q１４～Q１７）</t>
    <rPh sb="9" eb="11">
      <t>ジョウタイ</t>
    </rPh>
    <rPh sb="12" eb="13">
      <t>カン</t>
    </rPh>
    <phoneticPr fontId="2"/>
  </si>
  <si>
    <t>（６）相談機関に関すること（Q１８～Q２３）</t>
    <rPh sb="3" eb="5">
      <t>ソウダン</t>
    </rPh>
    <rPh sb="5" eb="7">
      <t>キカン</t>
    </rPh>
    <rPh sb="8" eb="9">
      <t>カン</t>
    </rPh>
    <phoneticPr fontId="2"/>
  </si>
  <si>
    <t>（７）ひきこもりの状態からの立ち直りに関すること（Q２４～Q２８）</t>
    <rPh sb="9" eb="11">
      <t>ジョウタイ</t>
    </rPh>
    <rPh sb="14" eb="15">
      <t>タ</t>
    </rPh>
    <rPh sb="16" eb="17">
      <t>ナオ</t>
    </rPh>
    <rPh sb="19" eb="20">
      <t>カン</t>
    </rPh>
    <phoneticPr fontId="2"/>
  </si>
  <si>
    <t>（９）これまでの経験（Q３０～Q３４）</t>
    <rPh sb="8" eb="10">
      <t>ケイケン</t>
    </rPh>
    <phoneticPr fontId="2"/>
  </si>
  <si>
    <t>（10）自分についてあてはまること（Q３５～３７）</t>
    <rPh sb="4" eb="6">
      <t>ジブン</t>
    </rPh>
    <phoneticPr fontId="2"/>
  </si>
  <si>
    <t>（11）家族の状況について（Q３８）</t>
    <rPh sb="4" eb="6">
      <t>カゾク</t>
    </rPh>
    <rPh sb="7" eb="9">
      <t>ジョウキョウ</t>
    </rPh>
    <phoneticPr fontId="2"/>
  </si>
  <si>
    <t>（12）悩み事の相談に関すること（Q３９～Q４１）</t>
    <rPh sb="4" eb="5">
      <t>ナヤ</t>
    </rPh>
    <rPh sb="6" eb="7">
      <t>ゴト</t>
    </rPh>
    <rPh sb="8" eb="10">
      <t>ソウダン</t>
    </rPh>
    <rPh sb="11" eb="12">
      <t>カン</t>
    </rPh>
    <phoneticPr fontId="2"/>
  </si>
  <si>
    <t>（13）知っている機関や事業（Q４２）</t>
    <rPh sb="4" eb="5">
      <t>シ</t>
    </rPh>
    <rPh sb="9" eb="11">
      <t>キカン</t>
    </rPh>
    <rPh sb="12" eb="14">
      <t>ジギョウ</t>
    </rPh>
    <phoneticPr fontId="2"/>
  </si>
  <si>
    <t>（14）支援のあり方についての意見（Q４３）</t>
    <rPh sb="4" eb="6">
      <t>シエン</t>
    </rPh>
    <rPh sb="9" eb="10">
      <t>カタ</t>
    </rPh>
    <rPh sb="15" eb="17">
      <t>イケン</t>
    </rPh>
    <phoneticPr fontId="2"/>
  </si>
  <si>
    <t>（１）対象者の基本的属性について（Q１～Q５）</t>
    <rPh sb="3" eb="6">
      <t>タイショウシャ</t>
    </rPh>
    <rPh sb="7" eb="9">
      <t>キホン</t>
    </rPh>
    <rPh sb="9" eb="10">
      <t>テキ</t>
    </rPh>
    <rPh sb="10" eb="12">
      <t>ゾクセイ</t>
    </rPh>
    <phoneticPr fontId="2"/>
  </si>
  <si>
    <t>（２）対象者の学校生活に関すること（Q６～Q７）</t>
    <rPh sb="3" eb="6">
      <t>タイショウシャ</t>
    </rPh>
    <rPh sb="7" eb="9">
      <t>ガッコウ</t>
    </rPh>
    <rPh sb="9" eb="11">
      <t>セイカツ</t>
    </rPh>
    <rPh sb="12" eb="13">
      <t>カン</t>
    </rPh>
    <phoneticPr fontId="2"/>
  </si>
  <si>
    <t>（３）対象者の就労・就学等に関すること（Q８）</t>
    <rPh sb="3" eb="6">
      <t>タイショウシャ</t>
    </rPh>
    <rPh sb="7" eb="9">
      <t>シュウロウ</t>
    </rPh>
    <rPh sb="10" eb="12">
      <t>シュウガク</t>
    </rPh>
    <rPh sb="12" eb="13">
      <t>トウ</t>
    </rPh>
    <rPh sb="14" eb="15">
      <t>カン</t>
    </rPh>
    <phoneticPr fontId="2"/>
  </si>
  <si>
    <t>（４）対象者のひきこもりの状態に関すること（Q９～Q１２）</t>
    <rPh sb="3" eb="6">
      <t>タイショウシャ</t>
    </rPh>
    <rPh sb="13" eb="15">
      <t>ジョウタイ</t>
    </rPh>
    <rPh sb="16" eb="17">
      <t>カン</t>
    </rPh>
    <phoneticPr fontId="2"/>
  </si>
  <si>
    <t>Ⅰ　概要</t>
    <rPh sb="2" eb="4">
      <t>ガイヨウ</t>
    </rPh>
    <phoneticPr fontId="2"/>
  </si>
  <si>
    <t>調査目的および方法</t>
    <rPh sb="0" eb="2">
      <t>チョウサ</t>
    </rPh>
    <rPh sb="2" eb="4">
      <t>モクテキ</t>
    </rPh>
    <rPh sb="7" eb="9">
      <t>ホウホウ</t>
    </rPh>
    <phoneticPr fontId="2"/>
  </si>
  <si>
    <t>実施期間</t>
    <rPh sb="0" eb="2">
      <t>ジッシ</t>
    </rPh>
    <rPh sb="2" eb="4">
      <t>キカン</t>
    </rPh>
    <phoneticPr fontId="2"/>
  </si>
  <si>
    <t>Ⅱ　結果</t>
    <rPh sb="2" eb="4">
      <t>ケッカ</t>
    </rPh>
    <phoneticPr fontId="2"/>
  </si>
  <si>
    <t>本人票</t>
    <rPh sb="0" eb="3">
      <t>ホンニンヒョウ</t>
    </rPh>
    <phoneticPr fontId="2"/>
  </si>
  <si>
    <t>単純集計表</t>
    <rPh sb="0" eb="5">
      <t>タンジュンシュウケイヒョウ</t>
    </rPh>
    <phoneticPr fontId="2"/>
  </si>
  <si>
    <t>同居者票</t>
    <rPh sb="0" eb="3">
      <t>ドウキョシャ</t>
    </rPh>
    <rPh sb="3" eb="4">
      <t>ヒョウ</t>
    </rPh>
    <phoneticPr fontId="2"/>
  </si>
  <si>
    <t>調査の目的および方法</t>
    <rPh sb="0" eb="2">
      <t>チョウサ</t>
    </rPh>
    <rPh sb="3" eb="5">
      <t>モクテキ</t>
    </rPh>
    <rPh sb="8" eb="10">
      <t>ホウホウ</t>
    </rPh>
    <phoneticPr fontId="2"/>
  </si>
  <si>
    <t>実施期間（調査票配付日～最終回収日）</t>
    <rPh sb="0" eb="2">
      <t>ジッシ</t>
    </rPh>
    <rPh sb="2" eb="4">
      <t>キカン</t>
    </rPh>
    <phoneticPr fontId="2"/>
  </si>
  <si>
    <t>調査対象</t>
    <phoneticPr fontId="2"/>
  </si>
  <si>
    <t>住民基本台帳情報を用いて、上記の①および②に該当する大阪市民から等間隔法により</t>
    <phoneticPr fontId="2"/>
  </si>
  <si>
    <t>標本抽出の手順：</t>
    <phoneticPr fontId="2"/>
  </si>
  <si>
    <t>　調査票の配付は郵送にて行い、調査期間中に１回のみ督促状（はがき）にて協力を促した。</t>
    <phoneticPr fontId="2"/>
  </si>
  <si>
    <t>調査票紛失した場合に限り、希望される宛先に調査票を再送した。自記式質問紙票への回</t>
    <phoneticPr fontId="2"/>
  </si>
  <si>
    <t>無作為に抽出した10,000人の標本を調査対象者とした。</t>
    <phoneticPr fontId="2"/>
  </si>
  <si>
    <t>　住民基本台帳情報を用いて、住定日が平成30年１月１日以前、かつ①もしくは②に該当す</t>
    <phoneticPr fontId="2"/>
  </si>
  <si>
    <t>【注】</t>
    <rPh sb="1" eb="2">
      <t>チュウ</t>
    </rPh>
    <phoneticPr fontId="2"/>
  </si>
  <si>
    <t>同居者用の有効回答数は参考値として計上する。</t>
    <phoneticPr fontId="2"/>
  </si>
  <si>
    <t>母集団(a)</t>
    <rPh sb="0" eb="3">
      <t>ボシュウダン</t>
    </rPh>
    <phoneticPr fontId="1"/>
  </si>
  <si>
    <t>標本数(b)</t>
    <rPh sb="0" eb="3">
      <t>ヒョウホンスウ</t>
    </rPh>
    <phoneticPr fontId="1"/>
  </si>
  <si>
    <t>答を以て調査協力に同意したものとみなされる旨を明記し、同意者にのみ返送（返信用封筒</t>
    <phoneticPr fontId="2"/>
  </si>
  <si>
    <t>大阪市民より、①および②の各々の集団において5,000人ずつ、等間隔法による無作為抽出</t>
    <phoneticPr fontId="2"/>
  </si>
  <si>
    <t>を行った。予め、①および②の２つの年齢階層を設定するため、住所（区）および生年月日に</t>
    <phoneticPr fontId="2"/>
  </si>
  <si>
    <t>て、氏名、住所、および郵便番号データを取得した。</t>
    <phoneticPr fontId="2"/>
  </si>
  <si>
    <t>ついては全住民データを用いた。次に、調査票の郵送を主目的として抽出された標本に対し</t>
    <phoneticPr fontId="2"/>
  </si>
  <si>
    <t>　　Ⅰ　概要</t>
    <rPh sb="4" eb="6">
      <t>ガイヨウ</t>
    </rPh>
    <phoneticPr fontId="2"/>
  </si>
  <si>
    <t>・・・・・・・・・・・・・・・・・・・・・・・・・・・・・・・・</t>
    <phoneticPr fontId="2"/>
  </si>
  <si>
    <t>・・・・・・・・・・・・・・・・・・・・・・・・・・・・・・・・・・・・・・・・・・・・・・・・・・・・</t>
  </si>
  <si>
    <t>・・・・・・・・・・・・・・・・・・・・・・・・・・・・・・・・・・・・・・・・・・・・・・・・・・・・</t>
    <phoneticPr fontId="2"/>
  </si>
  <si>
    <t>・・・・・・・・・・・・・・・・・・・・・・・・・・・・・・・・・・・・・・・・・・・・</t>
    <phoneticPr fontId="2"/>
  </si>
  <si>
    <t>・・・・・・・・・・・・・・・・・・・・</t>
    <phoneticPr fontId="2"/>
  </si>
  <si>
    <t>①満15歳～39歳（生年月日が、昭和55年１月１日～平成16年12月31日までの期間内）</t>
    <rPh sb="1" eb="2">
      <t>マン</t>
    </rPh>
    <rPh sb="4" eb="5">
      <t>サイ</t>
    </rPh>
    <rPh sb="8" eb="9">
      <t>サイ</t>
    </rPh>
    <phoneticPr fontId="2"/>
  </si>
  <si>
    <t>②満40歳～64歳（生年月日が、昭和30年１月１日～昭和54年12月31日までの期間内）</t>
    <rPh sb="1" eb="2">
      <t>マン</t>
    </rPh>
    <rPh sb="4" eb="5">
      <t>サイ</t>
    </rPh>
    <rPh sb="8" eb="9">
      <t>サイ</t>
    </rPh>
    <rPh sb="10" eb="12">
      <t>セイネン</t>
    </rPh>
    <rPh sb="12" eb="14">
      <t>ガッピ</t>
    </rPh>
    <rPh sb="16" eb="18">
      <t>ショウワ</t>
    </rPh>
    <rPh sb="20" eb="21">
      <t>ネン</t>
    </rPh>
    <rPh sb="22" eb="23">
      <t>ガツ</t>
    </rPh>
    <rPh sb="24" eb="25">
      <t>ニチ</t>
    </rPh>
    <rPh sb="26" eb="28">
      <t>ショウワ</t>
    </rPh>
    <rPh sb="30" eb="31">
      <t>ネン</t>
    </rPh>
    <rPh sb="33" eb="34">
      <t>ガツ</t>
    </rPh>
    <rPh sb="36" eb="37">
      <t>ニチ</t>
    </rPh>
    <rPh sb="40" eb="42">
      <t>キカン</t>
    </rPh>
    <rPh sb="42" eb="43">
      <t>ナイ</t>
    </rPh>
    <phoneticPr fontId="2"/>
  </si>
  <si>
    <t>ひきこもり群/ひきこもり群以外における分布</t>
    <rPh sb="5" eb="6">
      <t>グン</t>
    </rPh>
    <rPh sb="12" eb="13">
      <t>グン</t>
    </rPh>
    <rPh sb="13" eb="15">
      <t>イガイ</t>
    </rPh>
    <rPh sb="19" eb="21">
      <t>ブンプ</t>
    </rPh>
    <phoneticPr fontId="2"/>
  </si>
  <si>
    <t>・・・・・・・・・・・・・・・・・・・・・・・・</t>
    <phoneticPr fontId="2"/>
  </si>
  <si>
    <t>Ⅲ　調査票</t>
    <rPh sb="2" eb="5">
      <t>チョウサヒョウ</t>
    </rPh>
    <phoneticPr fontId="2"/>
  </si>
  <si>
    <t>Ⅳ</t>
    <phoneticPr fontId="2"/>
  </si>
  <si>
    <t>北区</t>
  </si>
  <si>
    <t>都島区</t>
  </si>
  <si>
    <t>福島区</t>
  </si>
  <si>
    <t>此花区</t>
  </si>
  <si>
    <t>中央区</t>
  </si>
  <si>
    <t>西区</t>
  </si>
  <si>
    <t>港区</t>
  </si>
  <si>
    <t>大正区</t>
  </si>
  <si>
    <t>天王寺区</t>
  </si>
  <si>
    <t>浪速区</t>
  </si>
  <si>
    <t>西淀川区</t>
  </si>
  <si>
    <t>淀川区</t>
  </si>
  <si>
    <t>東淀川区</t>
  </si>
  <si>
    <t>東成区</t>
  </si>
  <si>
    <t>生野区</t>
  </si>
  <si>
    <t>旭区</t>
  </si>
  <si>
    <t>城東区</t>
  </si>
  <si>
    <t>鶴見区</t>
  </si>
  <si>
    <t>阿倍野区</t>
  </si>
  <si>
    <t>住之江区</t>
  </si>
  <si>
    <t>住吉区</t>
  </si>
  <si>
    <t>東住吉区</t>
  </si>
  <si>
    <t>平野区</t>
  </si>
  <si>
    <t>西成区</t>
  </si>
  <si>
    <t>回答数</t>
    <rPh sb="0" eb="3">
      <t>カイトウスウ</t>
    </rPh>
    <phoneticPr fontId="1"/>
  </si>
  <si>
    <t>　　Ⅱ　結果</t>
    <rPh sb="4" eb="6">
      <t>ケッカ</t>
    </rPh>
    <phoneticPr fontId="2"/>
  </si>
  <si>
    <t>統計表</t>
    <rPh sb="0" eb="3">
      <t>トウケイヒョウ</t>
    </rPh>
    <phoneticPr fontId="2"/>
  </si>
  <si>
    <t>b/a（％）</t>
  </si>
  <si>
    <t>b/a（％）</t>
    <phoneticPr fontId="2"/>
  </si>
  <si>
    <t>回収率（％）</t>
    <rPh sb="0" eb="2">
      <t>カイシュウ</t>
    </rPh>
    <rPh sb="2" eb="3">
      <t>リツ</t>
    </rPh>
    <phoneticPr fontId="2"/>
  </si>
  <si>
    <t>（２）学校生活に関すること（Q６～Q７）</t>
    <rPh sb="3" eb="5">
      <t>ガッコウ</t>
    </rPh>
    <rPh sb="5" eb="7">
      <t>セイカツ</t>
    </rPh>
    <rPh sb="8" eb="9">
      <t>カン</t>
    </rPh>
    <phoneticPr fontId="2"/>
  </si>
  <si>
    <t>生 活 状 況 に 関 す る 調 査</t>
    <rPh sb="0" eb="1">
      <t>セイ</t>
    </rPh>
    <rPh sb="2" eb="3">
      <t>カツ</t>
    </rPh>
    <rPh sb="4" eb="5">
      <t>ジョウ</t>
    </rPh>
    <rPh sb="6" eb="7">
      <t>キョウ</t>
    </rPh>
    <rPh sb="10" eb="11">
      <t>カン</t>
    </rPh>
    <rPh sb="16" eb="17">
      <t>チョウ</t>
    </rPh>
    <rPh sb="18" eb="19">
      <t>サ</t>
    </rPh>
    <phoneticPr fontId="2"/>
  </si>
  <si>
    <t>　令和元年（2019年）12月31日時点で大阪市民であり、</t>
    <phoneticPr fontId="2"/>
  </si>
  <si>
    <t>報　　告　　書</t>
    <phoneticPr fontId="2"/>
  </si>
  <si>
    <t>　</t>
    <phoneticPr fontId="2"/>
  </si>
  <si>
    <t>大 阪 市 健 康 局</t>
    <phoneticPr fontId="2"/>
  </si>
  <si>
    <t>就職又は進学希望（本人票）</t>
    <rPh sb="0" eb="2">
      <t>シュウショク</t>
    </rPh>
    <rPh sb="2" eb="3">
      <t>マタ</t>
    </rPh>
    <rPh sb="4" eb="6">
      <t>シンガク</t>
    </rPh>
    <rPh sb="6" eb="8">
      <t>キボウ</t>
    </rPh>
    <rPh sb="9" eb="12">
      <t>ホンニンヒョウ</t>
    </rPh>
    <phoneticPr fontId="2"/>
  </si>
  <si>
    <t>就職活動（本人票）</t>
    <rPh sb="0" eb="2">
      <t>シュウショク</t>
    </rPh>
    <rPh sb="2" eb="4">
      <t>カツドウ</t>
    </rPh>
    <rPh sb="5" eb="8">
      <t>ホンニンヒョウ</t>
    </rPh>
    <phoneticPr fontId="2"/>
  </si>
  <si>
    <t>ふだん自宅でよくしていること（本人票）</t>
    <rPh sb="3" eb="5">
      <t>ジタク</t>
    </rPh>
    <rPh sb="15" eb="18">
      <t>ホンニンヒョウ</t>
    </rPh>
    <phoneticPr fontId="2"/>
  </si>
  <si>
    <t>相談したくない理由（本人票）</t>
    <rPh sb="0" eb="2">
      <t>ソウダン</t>
    </rPh>
    <rPh sb="7" eb="9">
      <t>リユウ</t>
    </rPh>
    <rPh sb="10" eb="13">
      <t>ホンニンヒョウ</t>
    </rPh>
    <phoneticPr fontId="2"/>
  </si>
  <si>
    <t>主生計者（本人票）</t>
    <rPh sb="0" eb="1">
      <t>シュ</t>
    </rPh>
    <rPh sb="1" eb="3">
      <t>セイケイ</t>
    </rPh>
    <rPh sb="3" eb="4">
      <t>シャ</t>
    </rPh>
    <rPh sb="5" eb="8">
      <t>ホンニンヒョウ</t>
    </rPh>
    <phoneticPr fontId="2"/>
  </si>
  <si>
    <t>通院・入院経験のある病気（本人票）</t>
    <rPh sb="0" eb="2">
      <t>ツウイン</t>
    </rPh>
    <rPh sb="3" eb="5">
      <t>ニュウイン</t>
    </rPh>
    <rPh sb="5" eb="7">
      <t>ケイケン</t>
    </rPh>
    <rPh sb="10" eb="12">
      <t>ビョウキ</t>
    </rPh>
    <rPh sb="13" eb="16">
      <t>ホンニンヒョウ</t>
    </rPh>
    <phoneticPr fontId="2"/>
  </si>
  <si>
    <t>・・・・・・・・・・・・・・・・・・・・・・・・・・・・</t>
    <phoneticPr fontId="2"/>
  </si>
  <si>
    <t>小中学校時代の学校での経験（本人票）</t>
    <rPh sb="0" eb="4">
      <t>ショウチュウガッコウ</t>
    </rPh>
    <rPh sb="1" eb="4">
      <t>チュウガッコウ</t>
    </rPh>
    <rPh sb="4" eb="6">
      <t>ジダイ</t>
    </rPh>
    <rPh sb="7" eb="9">
      <t>ガッコウ</t>
    </rPh>
    <rPh sb="11" eb="13">
      <t>ケイケン</t>
    </rPh>
    <rPh sb="14" eb="17">
      <t>ホンニンヒョウ</t>
    </rPh>
    <phoneticPr fontId="2"/>
  </si>
  <si>
    <t>小中学校時代の家庭での経験（本人票）</t>
    <rPh sb="0" eb="1">
      <t>ショウ</t>
    </rPh>
    <rPh sb="1" eb="4">
      <t>チュウガッコウ</t>
    </rPh>
    <rPh sb="4" eb="6">
      <t>ジダイ</t>
    </rPh>
    <rPh sb="7" eb="9">
      <t>カテイ</t>
    </rPh>
    <rPh sb="11" eb="13">
      <t>ケイケン</t>
    </rPh>
    <rPh sb="14" eb="17">
      <t>ホンニンヒョウ</t>
    </rPh>
    <phoneticPr fontId="2"/>
  </si>
  <si>
    <t>小中学校時代の家庭以外での経験（本人票）</t>
    <rPh sb="0" eb="1">
      <t>ショウ</t>
    </rPh>
    <rPh sb="1" eb="4">
      <t>チュウガッコウ</t>
    </rPh>
    <rPh sb="4" eb="6">
      <t>ジダイ</t>
    </rPh>
    <rPh sb="7" eb="9">
      <t>カテイ</t>
    </rPh>
    <rPh sb="9" eb="11">
      <t>イガイ</t>
    </rPh>
    <rPh sb="13" eb="15">
      <t>ケイケン</t>
    </rPh>
    <rPh sb="16" eb="19">
      <t>ホンニンヒョウ</t>
    </rPh>
    <phoneticPr fontId="2"/>
  </si>
  <si>
    <t>働いていた頃の職場での経験（本人票）</t>
    <rPh sb="0" eb="1">
      <t>ハタラ</t>
    </rPh>
    <rPh sb="5" eb="6">
      <t>コロ</t>
    </rPh>
    <rPh sb="7" eb="9">
      <t>ショクバ</t>
    </rPh>
    <rPh sb="11" eb="13">
      <t>ケイケン</t>
    </rPh>
    <rPh sb="14" eb="17">
      <t>ホンニンヒョウ</t>
    </rPh>
    <phoneticPr fontId="2"/>
  </si>
  <si>
    <t>自身にあてはまること（本人票）</t>
    <rPh sb="0" eb="2">
      <t>ジシン</t>
    </rPh>
    <rPh sb="11" eb="14">
      <t>ホンニンヒョウ</t>
    </rPh>
    <phoneticPr fontId="2"/>
  </si>
  <si>
    <t>不安要素についてあてはまること（本人票）</t>
    <rPh sb="0" eb="2">
      <t>フアン</t>
    </rPh>
    <rPh sb="2" eb="4">
      <t>ヨウソ</t>
    </rPh>
    <rPh sb="16" eb="19">
      <t>ホンニンヒョウ</t>
    </rPh>
    <phoneticPr fontId="2"/>
  </si>
  <si>
    <t>ふだんの生活態度（本人票）</t>
    <rPh sb="4" eb="6">
      <t>セイカツ</t>
    </rPh>
    <rPh sb="6" eb="8">
      <t>タイド</t>
    </rPh>
    <rPh sb="9" eb="12">
      <t>ホンニンヒョウ</t>
    </rPh>
    <phoneticPr fontId="2"/>
  </si>
  <si>
    <t>・・・・・・・・・・・・・・・・・・・・・・・・・・・・・・・・</t>
  </si>
  <si>
    <t>家族の状況（本人票）</t>
    <rPh sb="0" eb="2">
      <t>カゾク</t>
    </rPh>
    <rPh sb="3" eb="5">
      <t>ジョウキョウ</t>
    </rPh>
    <rPh sb="6" eb="9">
      <t>ホンニンヒョウ</t>
    </rPh>
    <phoneticPr fontId="2"/>
  </si>
  <si>
    <t>困っていることや悩んでいること（本人票）</t>
    <rPh sb="0" eb="1">
      <t>コマ</t>
    </rPh>
    <rPh sb="8" eb="9">
      <t>ナヤ</t>
    </rPh>
    <rPh sb="16" eb="19">
      <t>ホンニンヒョウ</t>
    </rPh>
    <phoneticPr fontId="2"/>
  </si>
  <si>
    <t>悩みを誰かに相談したいか（本人票）</t>
    <rPh sb="0" eb="1">
      <t>ナヤ</t>
    </rPh>
    <rPh sb="3" eb="4">
      <t>ダレ</t>
    </rPh>
    <rPh sb="6" eb="8">
      <t>ソウダン</t>
    </rPh>
    <rPh sb="13" eb="16">
      <t>ホンニンヒョウ</t>
    </rPh>
    <phoneticPr fontId="2"/>
  </si>
  <si>
    <t>悩みを相談する相手（本人票）</t>
    <rPh sb="0" eb="1">
      <t>ナヤ</t>
    </rPh>
    <rPh sb="3" eb="5">
      <t>ソウダン</t>
    </rPh>
    <rPh sb="7" eb="9">
      <t>アイテ</t>
    </rPh>
    <rPh sb="10" eb="13">
      <t>ホンニンヒョウ</t>
    </rPh>
    <phoneticPr fontId="2"/>
  </si>
  <si>
    <t>・・・・・・・・・・・・・・・・・・・・・・・・・・・・・・・・・・・・・・・・・・・・</t>
    <phoneticPr fontId="2"/>
  </si>
  <si>
    <t>・・・・・・・・・・・・・・・・・・・・・・・・・・・・・・・・・・・・</t>
  </si>
  <si>
    <t>・・・・・・・・・・・・・・・・・・・・・・・・・・・・・・・・・・・・</t>
    <phoneticPr fontId="2"/>
  </si>
  <si>
    <t>・・・・・・・・・・・・・・・・・・・・・・・・・・・・</t>
  </si>
  <si>
    <t>性別（本人票・同居者票）</t>
    <rPh sb="0" eb="2">
      <t>セイベツ</t>
    </rPh>
    <rPh sb="3" eb="5">
      <t>ホンニン</t>
    </rPh>
    <rPh sb="5" eb="6">
      <t>ヒョウ</t>
    </rPh>
    <rPh sb="7" eb="10">
      <t>ドウキョシャ</t>
    </rPh>
    <rPh sb="10" eb="11">
      <t>ヒョウ</t>
    </rPh>
    <phoneticPr fontId="2"/>
  </si>
  <si>
    <t>お住まい（本人票・同居者票）</t>
    <rPh sb="1" eb="2">
      <t>ス</t>
    </rPh>
    <rPh sb="5" eb="7">
      <t>ホンニン</t>
    </rPh>
    <rPh sb="7" eb="8">
      <t>ヒョウ</t>
    </rPh>
    <rPh sb="9" eb="12">
      <t>ドウキョシャ</t>
    </rPh>
    <rPh sb="12" eb="13">
      <t>ヒョウ</t>
    </rPh>
    <phoneticPr fontId="2"/>
  </si>
  <si>
    <t>年齢（本人票・同居者票）</t>
    <rPh sb="0" eb="2">
      <t>ネンレイ</t>
    </rPh>
    <rPh sb="3" eb="5">
      <t>ホンニン</t>
    </rPh>
    <phoneticPr fontId="2"/>
  </si>
  <si>
    <t>同居者（本人票・同居者票）</t>
    <rPh sb="0" eb="2">
      <t>ドウキョ</t>
    </rPh>
    <rPh sb="2" eb="3">
      <t>シャ</t>
    </rPh>
    <rPh sb="4" eb="6">
      <t>ホンニン</t>
    </rPh>
    <phoneticPr fontId="2"/>
  </si>
  <si>
    <t>同居人数（本人票・同居者票）</t>
    <rPh sb="0" eb="2">
      <t>ドウキョ</t>
    </rPh>
    <rPh sb="2" eb="4">
      <t>ニンズウ</t>
    </rPh>
    <rPh sb="5" eb="7">
      <t>ホンニン</t>
    </rPh>
    <phoneticPr fontId="2"/>
  </si>
  <si>
    <t>通学状況（本人票・同居者票）</t>
    <rPh sb="0" eb="2">
      <t>ツウガク</t>
    </rPh>
    <rPh sb="2" eb="4">
      <t>ジョウキョウ</t>
    </rPh>
    <rPh sb="5" eb="7">
      <t>ホンニン</t>
    </rPh>
    <phoneticPr fontId="2"/>
  </si>
  <si>
    <t>卒業・在学中の学校（本人票・同居者票）</t>
    <rPh sb="0" eb="2">
      <t>ソツギョウ</t>
    </rPh>
    <rPh sb="3" eb="6">
      <t>ザイガクチュウ</t>
    </rPh>
    <rPh sb="7" eb="9">
      <t>ガッコウ</t>
    </rPh>
    <rPh sb="10" eb="12">
      <t>ホンニン</t>
    </rPh>
    <phoneticPr fontId="2"/>
  </si>
  <si>
    <t>就労・就学等の状況（本人票・同居者票）</t>
    <rPh sb="0" eb="2">
      <t>シュウロウ</t>
    </rPh>
    <rPh sb="3" eb="5">
      <t>シュウガク</t>
    </rPh>
    <rPh sb="5" eb="6">
      <t>ナド</t>
    </rPh>
    <rPh sb="7" eb="9">
      <t>ジョウキョウ</t>
    </rPh>
    <rPh sb="10" eb="12">
      <t>ホンニン</t>
    </rPh>
    <rPh sb="12" eb="13">
      <t>ヒョウ</t>
    </rPh>
    <rPh sb="14" eb="17">
      <t>ドウキョシャ</t>
    </rPh>
    <rPh sb="17" eb="18">
      <t>ヒョウ</t>
    </rPh>
    <phoneticPr fontId="2"/>
  </si>
  <si>
    <t>働いた経験（本人票）</t>
    <rPh sb="0" eb="1">
      <t>ハタラ</t>
    </rPh>
    <rPh sb="3" eb="5">
      <t>ケイケン</t>
    </rPh>
    <rPh sb="6" eb="8">
      <t>ホンニン</t>
    </rPh>
    <rPh sb="8" eb="9">
      <t>ヒョウ</t>
    </rPh>
    <phoneticPr fontId="2"/>
  </si>
  <si>
    <t>就職・進学希望をしなかった、または就職活動しなかった主な理由（本人票）・</t>
    <rPh sb="0" eb="2">
      <t>シュウショク</t>
    </rPh>
    <rPh sb="3" eb="5">
      <t>シンガク</t>
    </rPh>
    <rPh sb="5" eb="7">
      <t>キボウ</t>
    </rPh>
    <rPh sb="17" eb="19">
      <t>シュウショク</t>
    </rPh>
    <rPh sb="19" eb="21">
      <t>カツドウ</t>
    </rPh>
    <rPh sb="26" eb="27">
      <t>オモ</t>
    </rPh>
    <rPh sb="28" eb="30">
      <t>リユウ</t>
    </rPh>
    <phoneticPr fontId="2"/>
  </si>
  <si>
    <t>ふだんの外出頻度（本人票・同居者票）</t>
    <rPh sb="4" eb="6">
      <t>ガイシュツ</t>
    </rPh>
    <rPh sb="6" eb="8">
      <t>ヒンド</t>
    </rPh>
    <rPh sb="9" eb="11">
      <t>ホンニン</t>
    </rPh>
    <rPh sb="11" eb="12">
      <t>ヒョウ</t>
    </rPh>
    <phoneticPr fontId="2"/>
  </si>
  <si>
    <t>ひきこもりの状態になった年齢（本人票・同居者票）</t>
    <rPh sb="6" eb="8">
      <t>ジョウタイ</t>
    </rPh>
    <rPh sb="12" eb="14">
      <t>ネンレイ</t>
    </rPh>
    <rPh sb="15" eb="17">
      <t>ホンニン</t>
    </rPh>
    <rPh sb="17" eb="18">
      <t>ヒョウ</t>
    </rPh>
    <phoneticPr fontId="2"/>
  </si>
  <si>
    <t>ひきこもりの状態になってからの期間（本人票・同居者票）</t>
    <rPh sb="6" eb="8">
      <t>ジョウタイ</t>
    </rPh>
    <rPh sb="15" eb="17">
      <t>キカン</t>
    </rPh>
    <rPh sb="18" eb="20">
      <t>ホンニン</t>
    </rPh>
    <rPh sb="20" eb="21">
      <t>ヒョウ</t>
    </rPh>
    <phoneticPr fontId="2"/>
  </si>
  <si>
    <t>・・・・・・・・・・・・・・・・</t>
  </si>
  <si>
    <t>・・・・・・・・・・・・・・・・</t>
    <phoneticPr fontId="2"/>
  </si>
  <si>
    <t>ひきこもりの状態になったきっかけ（本人票・同居者票）</t>
    <rPh sb="6" eb="8">
      <t>ジョウタイ</t>
    </rPh>
    <rPh sb="17" eb="19">
      <t>ホンニン</t>
    </rPh>
    <rPh sb="19" eb="20">
      <t>ヒョウ</t>
    </rPh>
    <phoneticPr fontId="2"/>
  </si>
  <si>
    <t>・・・・・・・・・・・・・・・・・・・・・・・・・・・・</t>
    <phoneticPr fontId="2"/>
  </si>
  <si>
    <t>関係機関に相談した経験（本人票・同居者票）</t>
    <rPh sb="0" eb="2">
      <t>カンケイ</t>
    </rPh>
    <rPh sb="2" eb="4">
      <t>キカン</t>
    </rPh>
    <rPh sb="5" eb="7">
      <t>ソウダン</t>
    </rPh>
    <rPh sb="9" eb="11">
      <t>ケイケン</t>
    </rPh>
    <rPh sb="12" eb="15">
      <t>ホンニンヒョウ</t>
    </rPh>
    <phoneticPr fontId="2"/>
  </si>
  <si>
    <t>ひきこもりの状態について、関係機関に相談したいか（本人票）　・・・・・・・・・・・</t>
    <rPh sb="6" eb="8">
      <t>ジョウタイ</t>
    </rPh>
    <rPh sb="13" eb="15">
      <t>カンケイ</t>
    </rPh>
    <rPh sb="15" eb="17">
      <t>キカン</t>
    </rPh>
    <rPh sb="18" eb="20">
      <t>ソウダン</t>
    </rPh>
    <rPh sb="25" eb="27">
      <t>ホンニン</t>
    </rPh>
    <rPh sb="27" eb="28">
      <t>ヒョウ</t>
    </rPh>
    <phoneticPr fontId="2"/>
  </si>
  <si>
    <t>ひきこもりの状態をどのような機関なら相談したいか（本人票）　・・・・・・・・・・・・・</t>
    <rPh sb="6" eb="8">
      <t>ジョウタイ</t>
    </rPh>
    <rPh sb="14" eb="16">
      <t>キカン</t>
    </rPh>
    <rPh sb="18" eb="20">
      <t>ソウダン</t>
    </rPh>
    <rPh sb="25" eb="28">
      <t>ホンニンヒョウ</t>
    </rPh>
    <phoneticPr fontId="2"/>
  </si>
  <si>
    <t>・・・・・・・・・・・・・・・・・・・・・・・・</t>
    <phoneticPr fontId="2"/>
  </si>
  <si>
    <t>相談していない理由（本人票・同居者票）</t>
    <phoneticPr fontId="2"/>
  </si>
  <si>
    <t>相談した機関（本人票・同居者票）</t>
    <rPh sb="0" eb="2">
      <t>ソウダン</t>
    </rPh>
    <rPh sb="4" eb="6">
      <t>キカン</t>
    </rPh>
    <rPh sb="7" eb="10">
      <t>ホンニンヒョウ</t>
    </rPh>
    <phoneticPr fontId="2"/>
  </si>
  <si>
    <t>・・・・・・・・</t>
    <phoneticPr fontId="2"/>
  </si>
  <si>
    <t>ひきこもりの状態や将来のことについて不安に思うこと（同居者票）</t>
    <rPh sb="9" eb="11">
      <t>ショウライ</t>
    </rPh>
    <rPh sb="18" eb="20">
      <t>フアン</t>
    </rPh>
    <rPh sb="21" eb="22">
      <t>オモ</t>
    </rPh>
    <rPh sb="26" eb="29">
      <t>ドウキョシャ</t>
    </rPh>
    <rPh sb="29" eb="30">
      <t>ヒョウ</t>
    </rPh>
    <phoneticPr fontId="2"/>
  </si>
  <si>
    <t>過去の外出頻度（本人票・同居者票）</t>
    <rPh sb="0" eb="2">
      <t>カコ</t>
    </rPh>
    <rPh sb="3" eb="5">
      <t>ガイシュツ</t>
    </rPh>
    <rPh sb="5" eb="7">
      <t>ヒンド</t>
    </rPh>
    <rPh sb="8" eb="11">
      <t>ホンニンヒョウ</t>
    </rPh>
    <phoneticPr fontId="2"/>
  </si>
  <si>
    <t>過去にひきこもりの状態になった年齢（本人票・同居者票）</t>
    <rPh sb="0" eb="2">
      <t>カコ</t>
    </rPh>
    <rPh sb="9" eb="11">
      <t>ジョウタイ</t>
    </rPh>
    <rPh sb="15" eb="17">
      <t>ネンレイ</t>
    </rPh>
    <rPh sb="18" eb="20">
      <t>ホンニン</t>
    </rPh>
    <rPh sb="20" eb="21">
      <t>ヒョウ</t>
    </rPh>
    <phoneticPr fontId="2"/>
  </si>
  <si>
    <t>・・・・・・・・・・・・</t>
  </si>
  <si>
    <t>・・・・・・・・・・・・</t>
    <phoneticPr fontId="2"/>
  </si>
  <si>
    <t>過去にひきこもりの状態だった期間（本人票・同居者票）</t>
    <rPh sb="0" eb="2">
      <t>カコ</t>
    </rPh>
    <rPh sb="9" eb="11">
      <t>ジョウタイ</t>
    </rPh>
    <rPh sb="14" eb="16">
      <t>キカン</t>
    </rPh>
    <rPh sb="17" eb="19">
      <t>ホンニン</t>
    </rPh>
    <rPh sb="19" eb="20">
      <t>ヒョウ</t>
    </rPh>
    <phoneticPr fontId="2"/>
  </si>
  <si>
    <t>過去にひきこもりの状態になったきっかけ（本人票・同居者票）</t>
    <rPh sb="0" eb="2">
      <t>カコ</t>
    </rPh>
    <rPh sb="9" eb="11">
      <t>ジョウタイ</t>
    </rPh>
    <rPh sb="20" eb="22">
      <t>ホンニン</t>
    </rPh>
    <rPh sb="22" eb="23">
      <t>ヒョウ</t>
    </rPh>
    <phoneticPr fontId="2"/>
  </si>
  <si>
    <t>ひきこもりの状態ではなくなったきっかけや役立ったこと（本人票・同居者票）・・</t>
    <rPh sb="6" eb="8">
      <t>ジョウタイ</t>
    </rPh>
    <rPh sb="20" eb="22">
      <t>ヤクダ</t>
    </rPh>
    <phoneticPr fontId="2"/>
  </si>
  <si>
    <t>・・・・・・・・・・・・・・・・・・・・・・・・・・・・・・・・・・・・</t>
    <phoneticPr fontId="2"/>
  </si>
  <si>
    <t>知っている機関や事業（本人票・同居者票）</t>
    <rPh sb="0" eb="1">
      <t>シ</t>
    </rPh>
    <rPh sb="5" eb="7">
      <t>キカン</t>
    </rPh>
    <rPh sb="8" eb="10">
      <t>ジギョウ</t>
    </rPh>
    <rPh sb="11" eb="14">
      <t>ホンニンヒョウ</t>
    </rPh>
    <phoneticPr fontId="2"/>
  </si>
  <si>
    <t>必要だと思う支援（本人票・同居者票）</t>
    <rPh sb="0" eb="2">
      <t>ヒツヨウ</t>
    </rPh>
    <rPh sb="4" eb="5">
      <t>オモ</t>
    </rPh>
    <rPh sb="6" eb="8">
      <t>シエン</t>
    </rPh>
    <rPh sb="9" eb="12">
      <t>ホンニンヒョウ</t>
    </rPh>
    <phoneticPr fontId="2"/>
  </si>
  <si>
    <t>その他の必要な支援についての意見（本人票・同居者票）</t>
    <rPh sb="2" eb="3">
      <t>タ</t>
    </rPh>
    <rPh sb="4" eb="6">
      <t>ヒツヨウ</t>
    </rPh>
    <rPh sb="7" eb="9">
      <t>シエン</t>
    </rPh>
    <rPh sb="14" eb="16">
      <t>イケン</t>
    </rPh>
    <rPh sb="17" eb="20">
      <t>ホンニンヒョウ</t>
    </rPh>
    <phoneticPr fontId="2"/>
  </si>
  <si>
    <t>相談した結果（本人票・同居者票）</t>
    <rPh sb="4" eb="6">
      <t>ケッカ</t>
    </rPh>
    <rPh sb="7" eb="10">
      <t>ホンニンヒョウ</t>
    </rPh>
    <phoneticPr fontId="2"/>
  </si>
  <si>
    <t>本人回答数</t>
    <rPh sb="0" eb="2">
      <t>ホンニン</t>
    </rPh>
    <rPh sb="2" eb="5">
      <t>カイトウスウ</t>
    </rPh>
    <phoneticPr fontId="1"/>
  </si>
  <si>
    <t>同居者回答数
（参考値）</t>
    <rPh sb="0" eb="3">
      <t>ドウキョシャ</t>
    </rPh>
    <rPh sb="3" eb="5">
      <t>カイトウ</t>
    </rPh>
    <rPh sb="5" eb="6">
      <t>スウ</t>
    </rPh>
    <rPh sb="8" eb="10">
      <t>サンコウ</t>
    </rPh>
    <rPh sb="10" eb="11">
      <t>チ</t>
    </rPh>
    <phoneticPr fontId="1"/>
  </si>
  <si>
    <t>（８）主生計者について（Q２９）</t>
    <rPh sb="3" eb="4">
      <t>シュ</t>
    </rPh>
    <rPh sb="4" eb="6">
      <t>セイケイ</t>
    </rPh>
    <rPh sb="6" eb="7">
      <t>シャ</t>
    </rPh>
    <phoneticPr fontId="2"/>
  </si>
  <si>
    <t>（５）相談機関に関すること（Q１３～Q１８）</t>
    <rPh sb="3" eb="5">
      <t>ソウダン</t>
    </rPh>
    <rPh sb="5" eb="7">
      <t>キカン</t>
    </rPh>
    <rPh sb="8" eb="9">
      <t>カン</t>
    </rPh>
    <phoneticPr fontId="2"/>
  </si>
  <si>
    <t>（６）対象者の状態や将来の不安（Q１９）</t>
    <rPh sb="3" eb="6">
      <t>タイショウシャ</t>
    </rPh>
    <rPh sb="7" eb="9">
      <t>ジョウタイ</t>
    </rPh>
    <rPh sb="10" eb="12">
      <t>ショウライ</t>
    </rPh>
    <rPh sb="13" eb="15">
      <t>フアン</t>
    </rPh>
    <phoneticPr fontId="2"/>
  </si>
  <si>
    <t>（７）対象者のひきこもりの状態からの立ち直りに関すること（Q２０～Q２４）</t>
    <rPh sb="3" eb="6">
      <t>タイショウシャ</t>
    </rPh>
    <rPh sb="13" eb="15">
      <t>ジョウタイ</t>
    </rPh>
    <rPh sb="18" eb="19">
      <t>タ</t>
    </rPh>
    <rPh sb="20" eb="21">
      <t>ナオ</t>
    </rPh>
    <rPh sb="23" eb="24">
      <t>カン</t>
    </rPh>
    <phoneticPr fontId="2"/>
  </si>
  <si>
    <t>（８）知っている機関や事業（Q２５）</t>
    <rPh sb="3" eb="4">
      <t>シ</t>
    </rPh>
    <rPh sb="8" eb="10">
      <t>キカン</t>
    </rPh>
    <rPh sb="11" eb="13">
      <t>ジギョウ</t>
    </rPh>
    <phoneticPr fontId="2"/>
  </si>
  <si>
    <t>（９）対象者の支援のあり方についての意見（Q２６）</t>
    <rPh sb="3" eb="6">
      <t>タイショウシャ</t>
    </rPh>
    <rPh sb="7" eb="9">
      <t>シエン</t>
    </rPh>
    <rPh sb="12" eb="13">
      <t>カタ</t>
    </rPh>
    <rPh sb="18" eb="20">
      <t>イケン</t>
    </rPh>
    <phoneticPr fontId="2"/>
  </si>
  <si>
    <t>令 和 ３ 年 ３ 月</t>
    <phoneticPr fontId="2"/>
  </si>
  <si>
    <t>ひきこもりの定義</t>
    <rPh sb="6" eb="8">
      <t>テイギ</t>
    </rPh>
    <phoneticPr fontId="2"/>
  </si>
  <si>
    <t>留意点</t>
    <rPh sb="0" eb="3">
      <t>リュウイテン</t>
    </rPh>
    <phoneticPr fontId="2"/>
  </si>
  <si>
    <t>大阪市におけるひきこもり群の推計</t>
    <rPh sb="0" eb="3">
      <t>オオサカシ</t>
    </rPh>
    <rPh sb="12" eb="13">
      <t>グン</t>
    </rPh>
    <rPh sb="14" eb="16">
      <t>スイケイ</t>
    </rPh>
    <phoneticPr fontId="2"/>
  </si>
  <si>
    <t>（１）ひきこもりの定義</t>
    <phoneticPr fontId="2"/>
  </si>
  <si>
    <t>以下のように定めた。</t>
    <phoneticPr fontId="2"/>
  </si>
  <si>
    <t>自宅にいる必要がある場合を除き、外出頻度が極めて低下した状態₍a₎が６ヵ月以上持続していた者</t>
    <phoneticPr fontId="2"/>
  </si>
  <si>
    <t>※₍a₎自室からほとんど出ない、家から出ない、近所のコンビニなどに出かけるがほとんど家にいる、</t>
    <phoneticPr fontId="2"/>
  </si>
  <si>
    <t>自分の趣味に関する用事のときだけ出かけるがほとんど家にいる状態。</t>
    <phoneticPr fontId="2"/>
  </si>
  <si>
    <t>（２）ひきこもり群（本人票）</t>
    <phoneticPr fontId="2"/>
  </si>
  <si>
    <t>　本調査では、本人票におけるひきこもり群を、</t>
    <phoneticPr fontId="2"/>
  </si>
  <si>
    <t>かつ</t>
  </si>
  <si>
    <t>かつ</t>
    <phoneticPr fontId="2"/>
  </si>
  <si>
    <t>　　　１～４と５～８の間で複数回答した者および無回答の者は除外</t>
    <phoneticPr fontId="2"/>
  </si>
  <si>
    <t>　本人の妊娠・出産を含む身体的疾病等、もしくは同居家族の介護・看護等の理由により、常時</t>
    <phoneticPr fontId="2"/>
  </si>
  <si>
    <t>　　５  ふだんは家にいるが、自分の趣味に関する用事のときだけ外出する</t>
    <phoneticPr fontId="2"/>
  </si>
  <si>
    <t>　　６  ふだんは家にいるが、近所のコンビニなどには出かける</t>
    <phoneticPr fontId="2"/>
  </si>
  <si>
    <t>　　７  自室からは出るが、家からは出ない　</t>
    <phoneticPr fontId="2"/>
  </si>
  <si>
    <t>　　８  自室からほとんど出ない</t>
    <phoneticPr fontId="2"/>
  </si>
  <si>
    <t>①</t>
    <phoneticPr fontId="2"/>
  </si>
  <si>
    <t>12　家事手伝いをしていた</t>
    <phoneticPr fontId="2"/>
  </si>
  <si>
    <t>②</t>
    <phoneticPr fontId="2"/>
  </si>
  <si>
    <t>７　仕事をする</t>
    <phoneticPr fontId="2"/>
  </si>
  <si>
    <t>８　家事・育児をする</t>
    <phoneticPr fontId="2"/>
  </si>
  <si>
    <t>９　介護・看護をする</t>
    <phoneticPr fontId="2"/>
  </si>
  <si>
    <t>③</t>
    <phoneticPr fontId="2"/>
  </si>
  <si>
    <t>　回答をした者</t>
    <phoneticPr fontId="2"/>
  </si>
  <si>
    <t>７　病気（病名：　　）　を選択し、身体疾患の病名を記入した者</t>
    <phoneticPr fontId="2"/>
  </si>
  <si>
    <t>８　妊娠した</t>
    <phoneticPr fontId="2"/>
  </si>
  <si>
    <t>９　介護、看護を担うことになった</t>
    <phoneticPr fontId="2"/>
  </si>
  <si>
    <t>＊ただし、１～６および10にも当てはまると回答した者は除外</t>
    <phoneticPr fontId="2"/>
  </si>
  <si>
    <t>11 その他（　　）　を選択し、（　　）に身体疾患、コロナ関連、妊娠・出産、介護等に関する</t>
    <phoneticPr fontId="2"/>
  </si>
  <si>
    <t xml:space="preserve">    内容を記入した者</t>
    <phoneticPr fontId="2"/>
  </si>
  <si>
    <r>
      <t>　  「Q14  あなたは</t>
    </r>
    <r>
      <rPr>
        <u/>
        <sz val="11"/>
        <color theme="1"/>
        <rFont val="ＭＳ Ｐ明朝"/>
        <family val="1"/>
        <charset val="128"/>
      </rPr>
      <t>2019年の１年間</t>
    </r>
    <r>
      <rPr>
        <sz val="11"/>
        <color theme="1"/>
        <rFont val="ＭＳ Ｐ明朝"/>
        <family val="1"/>
        <charset val="128"/>
      </rPr>
      <t>、ふだん、どのくらい外出していましたか。」について、</t>
    </r>
    <phoneticPr fontId="2"/>
  </si>
  <si>
    <t>　  ＊６ヵ月未満と回答した者および無回答の者は除外</t>
    <phoneticPr fontId="2"/>
  </si>
  <si>
    <t xml:space="preserve">  本調査では、同居者票におけるひきこもり群を、</t>
    <phoneticPr fontId="2"/>
  </si>
  <si>
    <r>
      <t xml:space="preserve"> 　   「Q ９ご本人は、</t>
    </r>
    <r>
      <rPr>
        <u/>
        <sz val="11"/>
        <color theme="1"/>
        <rFont val="ＭＳ 明朝"/>
        <family val="1"/>
        <charset val="128"/>
      </rPr>
      <t>2019年の１年間</t>
    </r>
    <r>
      <rPr>
        <sz val="11"/>
        <color theme="1"/>
        <rFont val="ＭＳ 明朝"/>
        <family val="1"/>
        <charset val="128"/>
      </rPr>
      <t>、ふだん、どのくらい外出していましたか。」について、</t>
    </r>
    <phoneticPr fontId="2"/>
  </si>
  <si>
    <t>６  ふだんは家にいるが、近所のコンビニなどには出かける</t>
    <phoneticPr fontId="2"/>
  </si>
  <si>
    <t>７  自室からは出るが、家からは出ない　</t>
    <phoneticPr fontId="2"/>
  </si>
  <si>
    <t>８  自室からほとんど出ない</t>
    <phoneticPr fontId="2"/>
  </si>
  <si>
    <t>＊６ヶ月未満と回答した者および無回答の者は除外</t>
    <phoneticPr fontId="2"/>
  </si>
  <si>
    <t xml:space="preserve"> </t>
    <phoneticPr fontId="2"/>
  </si>
  <si>
    <t>　れかに回答をした者</t>
    <phoneticPr fontId="2"/>
  </si>
  <si>
    <t>＊１～４に当てはまる者もしくは１～４の中で複数回答した者、１～４と５～８の間で複数回答し</t>
    <phoneticPr fontId="2"/>
  </si>
  <si>
    <t>た者および無回答の者は除外</t>
    <phoneticPr fontId="2"/>
  </si>
  <si>
    <t>ひきこもり群（本人票）</t>
    <rPh sb="5" eb="6">
      <t>グン</t>
    </rPh>
    <rPh sb="7" eb="9">
      <t>ホンニン</t>
    </rPh>
    <rPh sb="9" eb="10">
      <t>ヒョウ</t>
    </rPh>
    <phoneticPr fontId="2"/>
  </si>
  <si>
    <t>ひきこもり群（同居者票）</t>
    <rPh sb="5" eb="6">
      <t>グン</t>
    </rPh>
    <rPh sb="7" eb="10">
      <t>ドウキョシャ</t>
    </rPh>
    <rPh sb="10" eb="11">
      <t>ヒョウ</t>
    </rPh>
    <phoneticPr fontId="2"/>
  </si>
  <si>
    <t>・・・・・・・・・・・・・・・・・・・・・・・・・・・・・・・・・・・・・・・・</t>
    <phoneticPr fontId="2"/>
  </si>
  <si>
    <t>・</t>
    <phoneticPr fontId="2"/>
  </si>
  <si>
    <t xml:space="preserve">  </t>
    <phoneticPr fontId="2"/>
  </si>
  <si>
    <t>令和元年（2019年）12月末時点</t>
    <rPh sb="0" eb="2">
      <t>レイワ</t>
    </rPh>
    <rPh sb="2" eb="4">
      <t>ガンネン</t>
    </rPh>
    <rPh sb="9" eb="10">
      <t>ネン</t>
    </rPh>
    <rPh sb="13" eb="14">
      <t>ガツ</t>
    </rPh>
    <rPh sb="14" eb="15">
      <t>マツ</t>
    </rPh>
    <rPh sb="15" eb="17">
      <t>ジテン</t>
    </rPh>
    <phoneticPr fontId="2"/>
  </si>
  <si>
    <t>有効回答数は、集計の結果より得たものである。なお、本人用のみ回収率算出に有効であるため、</t>
    <rPh sb="14" eb="15">
      <t>エ</t>
    </rPh>
    <phoneticPr fontId="2"/>
  </si>
  <si>
    <t>　ｎは、質問に対する回答数である。％は、回答数に対する割合としている。</t>
    <rPh sb="4" eb="6">
      <t>シツモン</t>
    </rPh>
    <rPh sb="7" eb="8">
      <t>タイ</t>
    </rPh>
    <rPh sb="10" eb="12">
      <t>カイトウ</t>
    </rPh>
    <rPh sb="20" eb="22">
      <t>カイトウ</t>
    </rPh>
    <rPh sb="22" eb="23">
      <t>スウ</t>
    </rPh>
    <rPh sb="24" eb="25">
      <t>タイ</t>
    </rPh>
    <rPh sb="27" eb="29">
      <t>ワリアイ</t>
    </rPh>
    <phoneticPr fontId="2"/>
  </si>
  <si>
    <t>　なお、該当項目以外を回答した者も集計に含めた。</t>
    <phoneticPr fontId="2"/>
  </si>
  <si>
    <t>　結果数値は、小数点第2位を四捨五入しているため、内訳の合計が100％にならないことがある。</t>
    <rPh sb="1" eb="3">
      <t>ケッカ</t>
    </rPh>
    <rPh sb="3" eb="5">
      <t>スウチ</t>
    </rPh>
    <rPh sb="7" eb="10">
      <t>ショウスウテン</t>
    </rPh>
    <rPh sb="10" eb="11">
      <t>ダイ</t>
    </rPh>
    <rPh sb="12" eb="13">
      <t>イ</t>
    </rPh>
    <rPh sb="14" eb="18">
      <t>シシャゴニュウ</t>
    </rPh>
    <rPh sb="25" eb="27">
      <t>ウチワケ</t>
    </rPh>
    <rPh sb="28" eb="30">
      <t>ゴウケイ</t>
    </rPh>
    <phoneticPr fontId="2"/>
  </si>
  <si>
    <r>
      <t xml:space="preserve">  　「Q13  あなたが</t>
    </r>
    <r>
      <rPr>
        <u/>
        <sz val="11"/>
        <color theme="1"/>
        <rFont val="ＭＳ Ｐ明朝"/>
        <family val="1"/>
        <charset val="128"/>
      </rPr>
      <t>2019年の１年間で</t>
    </r>
    <r>
      <rPr>
        <sz val="11"/>
        <color theme="1"/>
        <rFont val="ＭＳ Ｐ明朝"/>
        <family val="1"/>
        <charset val="128"/>
      </rPr>
      <t>、ふだんご自宅にいるときによくしていたことすべてに○を</t>
    </r>
    <phoneticPr fontId="2"/>
  </si>
  <si>
    <t>５  ふだんは家にいるが、自分の趣味に関する用事のときだけ外出する</t>
    <phoneticPr fontId="2"/>
  </si>
  <si>
    <t>10　専業主婦・主夫</t>
    <phoneticPr fontId="2"/>
  </si>
  <si>
    <r>
      <t>　本調査による大阪市民におけるひきこもり群に該当する方の人数は、</t>
    </r>
    <r>
      <rPr>
        <b/>
        <u/>
        <sz val="11"/>
        <color theme="1"/>
        <rFont val="ＭＳ Ｐ明朝"/>
        <family val="1"/>
        <charset val="128"/>
      </rPr>
      <t>子ども・若者</t>
    </r>
    <phoneticPr fontId="2"/>
  </si>
  <si>
    <t xml:space="preserve">  上記により、調査時点（令和元年12月末）においてひきこもり群に該当する方は、以下の</t>
    <phoneticPr fontId="2"/>
  </si>
  <si>
    <t>とおりと推計された。</t>
    <phoneticPr fontId="2"/>
  </si>
  <si>
    <t>【参考】</t>
  </si>
  <si>
    <t>に入れて投函）を依頼した。</t>
    <phoneticPr fontId="2"/>
  </si>
  <si>
    <t>　新型コロナウィルス感染症（COVID-19)による外出自粛要請の影響を避けるため、調査対象</t>
    <rPh sb="42" eb="46">
      <t>チョウサタイショウ</t>
    </rPh>
    <phoneticPr fontId="2"/>
  </si>
  <si>
    <t>　以下に、調査対象として抽出した標本数を年齢５歳階級別（表１-１、表１-２）および居住区</t>
    <rPh sb="28" eb="29">
      <t>ヒョウ</t>
    </rPh>
    <rPh sb="33" eb="34">
      <t>ヒョウ</t>
    </rPh>
    <phoneticPr fontId="2"/>
  </si>
  <si>
    <t>（24区）別（表２-１、表２-２）に示す。ただし、年齢不明の者（ｎ=８）は除外した。</t>
    <rPh sb="7" eb="8">
      <t>ヒョウ</t>
    </rPh>
    <rPh sb="12" eb="13">
      <t>ヒョウ</t>
    </rPh>
    <rPh sb="25" eb="27">
      <t>ネンレイ</t>
    </rPh>
    <rPh sb="27" eb="29">
      <t>フメイ</t>
    </rPh>
    <rPh sb="30" eb="31">
      <t>モノ</t>
    </rPh>
    <rPh sb="37" eb="39">
      <t>ジョガイ</t>
    </rPh>
    <phoneticPr fontId="2"/>
  </si>
  <si>
    <t>表１-１　年齢５歳階級別標本数および有効回答数（子ども・若者）　</t>
    <rPh sb="0" eb="1">
      <t>ヒョウ</t>
    </rPh>
    <phoneticPr fontId="2"/>
  </si>
  <si>
    <t>表１-２　年齢５歳階級別標本数および有効回答数（成人）</t>
    <rPh sb="0" eb="1">
      <t>ヒョウ</t>
    </rPh>
    <rPh sb="24" eb="26">
      <t>セイジン</t>
    </rPh>
    <phoneticPr fontId="2"/>
  </si>
  <si>
    <t>表２-１　居住区別標本数および有効回答数（子ども・若者）</t>
    <rPh sb="0" eb="1">
      <t>ヒョウ</t>
    </rPh>
    <phoneticPr fontId="2"/>
  </si>
  <si>
    <t>表２-２　居住区別標本数および有効回答数（成人）</t>
    <rPh sb="0" eb="1">
      <t>ヒョウ</t>
    </rPh>
    <rPh sb="21" eb="23">
      <t>セイジン</t>
    </rPh>
    <phoneticPr fontId="2"/>
  </si>
  <si>
    <t xml:space="preserve">  本調査では、内閣府政策統括官により実施された調査の報告書（平成28年および31年）に基づき、</t>
    <phoneticPr fontId="2"/>
  </si>
  <si>
    <t>図１　「本人票のひきこもり群抽出の流れ（フロー図）」</t>
    <rPh sb="0" eb="1">
      <t>ズ</t>
    </rPh>
    <rPh sb="4" eb="7">
      <t>ホンニンヒョウ</t>
    </rPh>
    <rPh sb="13" eb="14">
      <t>グン</t>
    </rPh>
    <rPh sb="14" eb="16">
      <t>チュウシュツ</t>
    </rPh>
    <rPh sb="17" eb="18">
      <t>ナガ</t>
    </rPh>
    <rPh sb="23" eb="24">
      <t>ズ</t>
    </rPh>
    <phoneticPr fontId="2"/>
  </si>
  <si>
    <t>図２　同居者票のひきこもり群抽出の流れ（フロー図）</t>
    <rPh sb="0" eb="1">
      <t>ズ</t>
    </rPh>
    <rPh sb="3" eb="6">
      <t>ドウキョシャ</t>
    </rPh>
    <rPh sb="6" eb="7">
      <t>ヒョウ</t>
    </rPh>
    <rPh sb="13" eb="14">
      <t>グン</t>
    </rPh>
    <rPh sb="14" eb="16">
      <t>チュウシュツ</t>
    </rPh>
    <rPh sb="17" eb="18">
      <t>ナガ</t>
    </rPh>
    <rPh sb="23" eb="24">
      <t>ズ</t>
    </rPh>
    <phoneticPr fontId="2"/>
  </si>
  <si>
    <t xml:space="preserve">  　＊１～４に当てはまる者もしくは１～４の中で複数回答した者(NH:Not Hikikomori)、</t>
    <phoneticPr fontId="2"/>
  </si>
  <si>
    <t>(H:Hikikomori)</t>
    <phoneticPr fontId="2"/>
  </si>
  <si>
    <t>＊１～４に当てはまる者もしくは１～４の中で複数回答した者(NH:Not Hikikomori)、</t>
    <phoneticPr fontId="2"/>
  </si>
  <si>
    <t xml:space="preserve"> １～４と５～８の間で複数回答した者および無回答の者は除外</t>
    <phoneticPr fontId="2"/>
  </si>
  <si>
    <t>子を明らかにし、実効性のある行政施策づくりに役立てる。</t>
    <rPh sb="2" eb="3">
      <t>アキ</t>
    </rPh>
    <rPh sb="8" eb="11">
      <t>ジッコウセイ</t>
    </rPh>
    <rPh sb="14" eb="18">
      <t>ギョウセイシサク</t>
    </rPh>
    <rPh sb="22" eb="24">
      <t>ヤクダ</t>
    </rPh>
    <phoneticPr fontId="2"/>
  </si>
  <si>
    <t>・・・・・・・・・・・・・・・・・・・・・・・・</t>
    <phoneticPr fontId="2"/>
  </si>
  <si>
    <t>・・・・・・・・</t>
    <phoneticPr fontId="2"/>
  </si>
  <si>
    <t>参考</t>
    <rPh sb="0" eb="2">
      <t>サンコウ</t>
    </rPh>
    <phoneticPr fontId="2"/>
  </si>
  <si>
    <t>推計人数の算出方法</t>
    <phoneticPr fontId="2"/>
  </si>
  <si>
    <t xml:space="preserve">        子ども・若者（満15歳～満39歳）：825,411人×2.07％＝約17,086人</t>
    <phoneticPr fontId="2"/>
  </si>
  <si>
    <t xml:space="preserve">     　　　　成人　　（満40歳～満64歳）：915,883人×2.64％＝約24,179人</t>
    <phoneticPr fontId="2"/>
  </si>
  <si>
    <t>１</t>
    <phoneticPr fontId="2"/>
  </si>
  <si>
    <t>４</t>
    <phoneticPr fontId="2"/>
  </si>
  <si>
    <t>２</t>
    <phoneticPr fontId="2"/>
  </si>
  <si>
    <t>３</t>
    <phoneticPr fontId="2"/>
  </si>
  <si>
    <t>５</t>
    <phoneticPr fontId="2"/>
  </si>
  <si>
    <t>６</t>
    <phoneticPr fontId="2"/>
  </si>
  <si>
    <t>（１）</t>
    <phoneticPr fontId="2"/>
  </si>
  <si>
    <t>（２）</t>
  </si>
  <si>
    <t>（３）</t>
  </si>
  <si>
    <t>　大阪市民を対象とする標本調査を行い、ひきこもり状態にある方の割合やひきこもりの危険因</t>
    <rPh sb="4" eb="5">
      <t>ミン</t>
    </rPh>
    <rPh sb="16" eb="17">
      <t>オコナ</t>
    </rPh>
    <rPh sb="29" eb="30">
      <t>カタ</t>
    </rPh>
    <rPh sb="31" eb="33">
      <t>ワリアイ</t>
    </rPh>
    <rPh sb="40" eb="42">
      <t>キケン</t>
    </rPh>
    <rPh sb="42" eb="43">
      <t>イン</t>
    </rPh>
    <phoneticPr fontId="2"/>
  </si>
  <si>
    <t>期間を平成31年（令和元年）1月1日から同年12月31日までとした。</t>
    <rPh sb="3" eb="5">
      <t>ヘイセイ</t>
    </rPh>
    <rPh sb="7" eb="8">
      <t>ネン</t>
    </rPh>
    <rPh sb="9" eb="11">
      <t>レイワ</t>
    </rPh>
    <rPh sb="11" eb="13">
      <t>ガンネン</t>
    </rPh>
    <phoneticPr fontId="2"/>
  </si>
  <si>
    <t>※居住区不明の者（ｎ=5）は除外した。</t>
    <rPh sb="1" eb="4">
      <t>キョジュウク</t>
    </rPh>
    <rPh sb="4" eb="6">
      <t>フメイ</t>
    </rPh>
    <rPh sb="7" eb="8">
      <t>モノ</t>
    </rPh>
    <rPh sb="14" eb="16">
      <t>ジョガイ</t>
    </rPh>
    <phoneticPr fontId="2"/>
  </si>
  <si>
    <t>※居住区不明の者（ｎ=2）は除外した。</t>
    <rPh sb="1" eb="4">
      <t>キョジュウク</t>
    </rPh>
    <rPh sb="4" eb="6">
      <t>フメイ</t>
    </rPh>
    <rPh sb="7" eb="8">
      <t>モノ</t>
    </rPh>
    <rPh sb="14" eb="16">
      <t>ジョガイ</t>
    </rPh>
    <phoneticPr fontId="2"/>
  </si>
  <si>
    <r>
      <rPr>
        <b/>
        <u/>
        <sz val="11"/>
        <color theme="1"/>
        <rFont val="ＭＳ Ｐ明朝"/>
        <family val="1"/>
        <charset val="128"/>
      </rPr>
      <t>（満15歳～満39歳）で30人（2.07％）、成人（満40歳～満64歳）で55人（2.64％）</t>
    </r>
    <r>
      <rPr>
        <sz val="11"/>
        <color theme="1"/>
        <rFont val="ＭＳ Ｐ明朝"/>
        <family val="1"/>
        <charset val="128"/>
      </rPr>
      <t>で</t>
    </r>
    <phoneticPr fontId="2"/>
  </si>
  <si>
    <t>あった（次頁図１参照）。</t>
    <phoneticPr fontId="2"/>
  </si>
  <si>
    <t>　自由記載に関しては、一部抜粋（ひきこもり群のみ）の回答もある。</t>
    <rPh sb="1" eb="3">
      <t>ジユウ</t>
    </rPh>
    <rPh sb="3" eb="5">
      <t>キサイ</t>
    </rPh>
    <rPh sb="6" eb="7">
      <t>カン</t>
    </rPh>
    <rPh sb="11" eb="13">
      <t>イチブ</t>
    </rPh>
    <rPh sb="13" eb="15">
      <t>バッスイ</t>
    </rPh>
    <rPh sb="21" eb="22">
      <t>グン</t>
    </rPh>
    <rPh sb="26" eb="28">
      <t>カイトウ</t>
    </rPh>
    <phoneticPr fontId="2"/>
  </si>
  <si>
    <t>　令和2年12月24日～令和3年1月18日</t>
    <rPh sb="1" eb="3">
      <t>レイワ</t>
    </rPh>
    <rPh sb="4" eb="5">
      <t>ネン</t>
    </rPh>
    <rPh sb="7" eb="8">
      <t>ガツ</t>
    </rPh>
    <rPh sb="10" eb="11">
      <t>ニチ</t>
    </rPh>
    <rPh sb="12" eb="14">
      <t>レイワ</t>
    </rPh>
    <rPh sb="15" eb="16">
      <t>ネン</t>
    </rPh>
    <rPh sb="17" eb="18">
      <t>ガツ</t>
    </rPh>
    <rPh sb="20" eb="21">
      <t>ニチ</t>
    </rPh>
    <phoneticPr fontId="2"/>
  </si>
  <si>
    <t>・・・・・・・・・・・・・・・・・・・・・・・・・・・・・・・</t>
    <phoneticPr fontId="2"/>
  </si>
  <si>
    <t>・・・・・・・・・・・・・・・・・・・・・・・・・・・・・・・・・・・・・・・・・・・・・・・・・・・・・・・・</t>
    <phoneticPr fontId="2"/>
  </si>
  <si>
    <t>　６ヵ月以上と回答した者</t>
    <phoneticPr fontId="2"/>
  </si>
  <si>
    <t>（３）ひきこもり群（同居者票）</t>
    <phoneticPr fontId="2"/>
  </si>
  <si>
    <t>　  「Q16  あなたがそのような状態になってどのくらい経っていましたか。」について、</t>
    <phoneticPr fontId="2"/>
  </si>
  <si>
    <t>　回答をした者</t>
    <phoneticPr fontId="2"/>
  </si>
  <si>
    <t xml:space="preserve">  　「Q11  あなたがそのような状態になってどのくらい経っていましたか。」について、６か月以上と</t>
    <phoneticPr fontId="2"/>
  </si>
  <si>
    <t>であって、次の①～③のいずれにも当てはまらない者とした。</t>
    <rPh sb="5" eb="6">
      <t>ツギ</t>
    </rPh>
    <phoneticPr fontId="2"/>
  </si>
  <si>
    <t>であって、次の①、②のいずれにも当てはまらない者とした。</t>
    <rPh sb="5" eb="6">
      <t>ツギ</t>
    </rPh>
    <phoneticPr fontId="2"/>
  </si>
  <si>
    <t>次の５～８のいずれかに当てはまる者、もしくは５～８の中で複数回答をした者(H:Hikikomori)</t>
    <rPh sb="0" eb="1">
      <t>ツギ</t>
    </rPh>
    <phoneticPr fontId="2"/>
  </si>
  <si>
    <t xml:space="preserve">  　「Q８　あなたは働いていましたか。」について、次のいずれかに回答をした者</t>
    <rPh sb="26" eb="27">
      <t>ツギ</t>
    </rPh>
    <phoneticPr fontId="2"/>
  </si>
  <si>
    <t>　つけてください。」について、次のいずれかに回答をした者</t>
    <rPh sb="15" eb="16">
      <t>ツギ</t>
    </rPh>
    <phoneticPr fontId="2"/>
  </si>
  <si>
    <t xml:space="preserve">  　「Q17  あなたがそのような状態になったきっかけは何ですか。」について、次のいずれかに</t>
    <rPh sb="40" eb="41">
      <t>ツギ</t>
    </rPh>
    <phoneticPr fontId="2"/>
  </si>
  <si>
    <t>次の５～８のいずれかに当てはまる者、もしくは５～８の中で複数回答をした者</t>
    <rPh sb="0" eb="1">
      <t>ツギ</t>
    </rPh>
    <phoneticPr fontId="2"/>
  </si>
  <si>
    <r>
      <t xml:space="preserve">  　「Q８　ご本人の</t>
    </r>
    <r>
      <rPr>
        <u/>
        <sz val="11"/>
        <color theme="1"/>
        <rFont val="ＭＳ Ｐ明朝"/>
        <family val="1"/>
        <charset val="128"/>
      </rPr>
      <t>2019年の</t>
    </r>
    <r>
      <rPr>
        <sz val="11"/>
        <color theme="1"/>
        <rFont val="ＭＳ Ｐ明朝"/>
        <family val="1"/>
        <charset val="128"/>
      </rPr>
      <t>就労・就学等の状況についてお答えください。」について、次のいず</t>
    </r>
    <rPh sb="44" eb="45">
      <t>ツギ</t>
    </rPh>
    <phoneticPr fontId="2"/>
  </si>
  <si>
    <t xml:space="preserve">  　「Q12　ご本人がそのような状態になったきっかけは何ですか。」について、次のいずれかに</t>
    <rPh sb="39" eb="40">
      <t>ツギ</t>
    </rPh>
    <phoneticPr fontId="2"/>
  </si>
  <si>
    <t>調査時点（令和元年12月末）における住民基本台帳人口×有効回答数（１頁の表1-1、表1-2参照）に占める割合</t>
    <rPh sb="0" eb="4">
      <t>チョウサジテン</t>
    </rPh>
    <rPh sb="5" eb="7">
      <t>レイワ</t>
    </rPh>
    <rPh sb="7" eb="9">
      <t>ガンネン</t>
    </rPh>
    <rPh sb="11" eb="13">
      <t>ガツマツ</t>
    </rPh>
    <rPh sb="18" eb="20">
      <t>ジュウミン</t>
    </rPh>
    <rPh sb="20" eb="22">
      <t>キホン</t>
    </rPh>
    <rPh sb="22" eb="24">
      <t>ダイチョウ</t>
    </rPh>
    <rPh sb="24" eb="26">
      <t>ジンコウ</t>
    </rPh>
    <rPh sb="27" eb="32">
      <t>ユウコウカイトウスウ</t>
    </rPh>
    <rPh sb="34" eb="35">
      <t>ページ</t>
    </rPh>
    <rPh sb="36" eb="37">
      <t>ヒョウ</t>
    </rPh>
    <rPh sb="41" eb="42">
      <t>ヒョウ</t>
    </rPh>
    <rPh sb="45" eb="47">
      <t>サンショウ</t>
    </rPh>
    <rPh sb="49" eb="50">
      <t>シ</t>
    </rPh>
    <rPh sb="52" eb="54">
      <t>ワリア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
    <numFmt numFmtId="177" formatCode="\(0\)"/>
  </numFmts>
  <fonts count="24" x14ac:knownFonts="1">
    <font>
      <sz val="11"/>
      <color theme="1"/>
      <name val="游ゴシック"/>
      <family val="2"/>
      <charset val="128"/>
      <scheme val="minor"/>
    </font>
    <font>
      <sz val="11"/>
      <color theme="1"/>
      <name val="ＭＳ Ｐ明朝"/>
      <family val="1"/>
      <charset val="128"/>
    </font>
    <font>
      <sz val="6"/>
      <name val="游ゴシック"/>
      <family val="2"/>
      <charset val="128"/>
      <scheme val="minor"/>
    </font>
    <font>
      <sz val="14"/>
      <color theme="1"/>
      <name val="ＭＳ Ｐ明朝"/>
      <family val="1"/>
      <charset val="128"/>
    </font>
    <font>
      <sz val="20"/>
      <color theme="1"/>
      <name val="ＭＳ Ｐ明朝"/>
      <family val="1"/>
      <charset val="128"/>
    </font>
    <font>
      <sz val="24"/>
      <color theme="1"/>
      <name val="ＭＳ Ｐ明朝"/>
      <family val="1"/>
      <charset val="128"/>
    </font>
    <font>
      <sz val="11"/>
      <color theme="1"/>
      <name val="ＭＳ Ｐゴシック"/>
      <family val="3"/>
      <charset val="128"/>
    </font>
    <font>
      <sz val="11"/>
      <color theme="1"/>
      <name val="游ゴシック"/>
      <family val="3"/>
      <charset val="128"/>
      <scheme val="minor"/>
    </font>
    <font>
      <sz val="12"/>
      <color theme="1"/>
      <name val="ＭＳ 明朝"/>
      <family val="1"/>
      <charset val="128"/>
    </font>
    <font>
      <b/>
      <sz val="24"/>
      <color theme="1"/>
      <name val="ＭＳ Ｐゴシック"/>
      <family val="3"/>
      <charset val="128"/>
    </font>
    <font>
      <sz val="12"/>
      <color theme="1"/>
      <name val="ＭＳ Ｐゴシック"/>
      <family val="3"/>
      <charset val="128"/>
    </font>
    <font>
      <sz val="11"/>
      <color theme="1"/>
      <name val="游ゴシック"/>
      <family val="2"/>
      <charset val="128"/>
      <scheme val="minor"/>
    </font>
    <font>
      <sz val="10.5"/>
      <color theme="1"/>
      <name val="ＭＳ Ｐゴシック"/>
      <family val="3"/>
      <charset val="128"/>
    </font>
    <font>
      <sz val="9"/>
      <color theme="1"/>
      <name val="ＭＳ Ｐ明朝"/>
      <family val="1"/>
      <charset val="128"/>
    </font>
    <font>
      <sz val="10"/>
      <color theme="1"/>
      <name val="ＭＳ Ｐ明朝"/>
      <family val="1"/>
      <charset val="128"/>
    </font>
    <font>
      <sz val="10.5"/>
      <color theme="1"/>
      <name val="ＭＳ Ｐ明朝"/>
      <family val="1"/>
      <charset val="128"/>
    </font>
    <font>
      <sz val="8"/>
      <color theme="1"/>
      <name val="ＭＳ Ｐ明朝"/>
      <family val="1"/>
      <charset val="128"/>
    </font>
    <font>
      <sz val="8"/>
      <color theme="1"/>
      <name val="ＭＳ Ｐゴシック"/>
      <family val="3"/>
      <charset val="128"/>
    </font>
    <font>
      <sz val="11"/>
      <color theme="1"/>
      <name val="ＭＳ 明朝"/>
      <family val="1"/>
      <charset val="128"/>
    </font>
    <font>
      <u/>
      <sz val="11"/>
      <color theme="1"/>
      <name val="ＭＳ 明朝"/>
      <family val="1"/>
      <charset val="128"/>
    </font>
    <font>
      <u/>
      <sz val="11"/>
      <color theme="1"/>
      <name val="ＭＳ Ｐ明朝"/>
      <family val="1"/>
      <charset val="128"/>
    </font>
    <font>
      <sz val="18"/>
      <color theme="1"/>
      <name val="ＭＳ Ｐ明朝"/>
      <family val="1"/>
      <charset val="128"/>
    </font>
    <font>
      <b/>
      <u/>
      <sz val="11"/>
      <color theme="1"/>
      <name val="ＭＳ Ｐ明朝"/>
      <family val="1"/>
      <charset val="128"/>
    </font>
    <font>
      <sz val="9.5"/>
      <color theme="1"/>
      <name val="ＭＳ Ｐ明朝"/>
      <family val="1"/>
      <charset val="128"/>
    </font>
  </fonts>
  <fills count="2">
    <fill>
      <patternFill patternType="none"/>
    </fill>
    <fill>
      <patternFill patternType="gray125"/>
    </fill>
  </fills>
  <borders count="22">
    <border>
      <left/>
      <right/>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style="thin">
        <color auto="1"/>
      </left>
      <right style="thin">
        <color auto="1"/>
      </right>
      <top style="thin">
        <color auto="1"/>
      </top>
      <bottom style="hair">
        <color auto="1"/>
      </bottom>
      <diagonal/>
    </border>
    <border>
      <left style="thin">
        <color indexed="64"/>
      </left>
      <right/>
      <top style="hair">
        <color indexed="64"/>
      </top>
      <bottom style="hair">
        <color indexed="64"/>
      </bottom>
      <diagonal/>
    </border>
    <border>
      <left style="thin">
        <color auto="1"/>
      </left>
      <right style="thin">
        <color auto="1"/>
      </right>
      <top style="hair">
        <color auto="1"/>
      </top>
      <bottom style="hair">
        <color auto="1"/>
      </bottom>
      <diagonal/>
    </border>
    <border>
      <left style="thin">
        <color indexed="64"/>
      </left>
      <right/>
      <top style="hair">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hair">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indexed="64"/>
      </right>
      <top style="thin">
        <color indexed="64"/>
      </top>
      <bottom style="hair">
        <color indexed="64"/>
      </bottom>
      <diagonal/>
    </border>
    <border>
      <left/>
      <right style="thin">
        <color auto="1"/>
      </right>
      <top style="thin">
        <color auto="1"/>
      </top>
      <bottom/>
      <diagonal/>
    </border>
    <border>
      <left style="thin">
        <color auto="1"/>
      </left>
      <right style="thin">
        <color auto="1"/>
      </right>
      <top style="hair">
        <color auto="1"/>
      </top>
      <bottom/>
      <diagonal/>
    </border>
    <border>
      <left/>
      <right style="thin">
        <color indexed="64"/>
      </right>
      <top style="hair">
        <color indexed="64"/>
      </top>
      <bottom/>
      <diagonal/>
    </border>
    <border>
      <left style="thin">
        <color auto="1"/>
      </left>
      <right style="thin">
        <color auto="1"/>
      </right>
      <top style="hair">
        <color indexed="64"/>
      </top>
      <bottom style="thin">
        <color indexed="64"/>
      </bottom>
      <diagonal/>
    </border>
    <border>
      <left style="thin">
        <color auto="1"/>
      </left>
      <right style="thin">
        <color auto="1"/>
      </right>
      <top/>
      <bottom style="hair">
        <color auto="1"/>
      </bottom>
      <diagonal/>
    </border>
  </borders>
  <cellStyleXfs count="4">
    <xf numFmtId="0" fontId="0" fillId="0" borderId="0">
      <alignment vertical="center"/>
    </xf>
    <xf numFmtId="0" fontId="7" fillId="0" borderId="0">
      <alignment vertical="center"/>
    </xf>
    <xf numFmtId="0" fontId="8" fillId="0" borderId="0">
      <alignment vertical="center"/>
    </xf>
    <xf numFmtId="38" fontId="11" fillId="0" borderId="0" applyFont="0" applyFill="0" applyBorder="0" applyAlignment="0" applyProtection="0">
      <alignment vertical="center"/>
    </xf>
  </cellStyleXfs>
  <cellXfs count="77">
    <xf numFmtId="0" fontId="0" fillId="0" borderId="0" xfId="0">
      <alignment vertical="center"/>
    </xf>
    <xf numFmtId="0" fontId="1" fillId="0" borderId="0" xfId="0" applyFont="1">
      <alignment vertical="center"/>
    </xf>
    <xf numFmtId="0" fontId="3" fillId="0" borderId="0" xfId="0" applyFont="1">
      <alignment vertical="center"/>
    </xf>
    <xf numFmtId="0" fontId="4" fillId="0" borderId="0" xfId="0" applyFont="1">
      <alignment vertical="center"/>
    </xf>
    <xf numFmtId="0" fontId="5" fillId="0" borderId="0" xfId="0" applyFont="1">
      <alignment vertical="center"/>
    </xf>
    <xf numFmtId="0" fontId="1" fillId="0" borderId="0" xfId="0" applyFont="1" applyBorder="1">
      <alignment vertical="center"/>
    </xf>
    <xf numFmtId="0" fontId="1" fillId="0" borderId="0" xfId="0" applyFont="1" applyAlignment="1">
      <alignment vertical="center" wrapText="1"/>
    </xf>
    <xf numFmtId="0" fontId="1" fillId="0" borderId="0" xfId="0" applyFont="1" applyFill="1">
      <alignment vertical="center"/>
    </xf>
    <xf numFmtId="0" fontId="9" fillId="0" borderId="0" xfId="0" applyFont="1">
      <alignment vertical="center"/>
    </xf>
    <xf numFmtId="0" fontId="10" fillId="0" borderId="0" xfId="0" applyFont="1">
      <alignment vertical="center"/>
    </xf>
    <xf numFmtId="0" fontId="6" fillId="0" borderId="0" xfId="0" applyFont="1">
      <alignment vertical="center"/>
    </xf>
    <xf numFmtId="177" fontId="1" fillId="0" borderId="0" xfId="0" applyNumberFormat="1" applyFont="1">
      <alignment vertical="center"/>
    </xf>
    <xf numFmtId="0" fontId="12" fillId="0" borderId="0" xfId="0" applyFont="1">
      <alignment vertical="center"/>
    </xf>
    <xf numFmtId="0" fontId="13" fillId="0" borderId="1" xfId="0" applyFont="1" applyBorder="1" applyAlignment="1">
      <alignment horizontal="center" vertical="center"/>
    </xf>
    <xf numFmtId="0" fontId="1" fillId="0" borderId="4" xfId="0" applyFont="1" applyBorder="1">
      <alignment vertical="center"/>
    </xf>
    <xf numFmtId="0" fontId="1" fillId="0" borderId="6" xfId="0" applyFont="1" applyBorder="1">
      <alignment vertical="center"/>
    </xf>
    <xf numFmtId="0" fontId="1" fillId="0" borderId="10" xfId="0" applyFont="1" applyBorder="1">
      <alignment vertical="center"/>
    </xf>
    <xf numFmtId="0" fontId="1" fillId="0" borderId="8" xfId="0" applyFont="1" applyBorder="1">
      <alignment vertical="center"/>
    </xf>
    <xf numFmtId="0" fontId="13" fillId="0" borderId="17" xfId="0" applyFont="1" applyBorder="1" applyAlignment="1">
      <alignment horizontal="center" vertical="center"/>
    </xf>
    <xf numFmtId="0" fontId="1" fillId="0" borderId="16" xfId="0" applyFont="1" applyBorder="1">
      <alignment vertical="center"/>
    </xf>
    <xf numFmtId="38" fontId="1" fillId="0" borderId="4" xfId="3" applyFont="1" applyBorder="1">
      <alignment vertical="center"/>
    </xf>
    <xf numFmtId="38" fontId="1" fillId="0" borderId="6" xfId="3" applyFont="1" applyBorder="1">
      <alignment vertical="center"/>
    </xf>
    <xf numFmtId="38" fontId="1" fillId="0" borderId="18" xfId="3" applyFont="1" applyBorder="1">
      <alignment vertical="center"/>
    </xf>
    <xf numFmtId="0" fontId="1" fillId="0" borderId="18" xfId="0" applyFont="1" applyBorder="1">
      <alignment vertical="center"/>
    </xf>
    <xf numFmtId="0" fontId="1" fillId="0" borderId="19" xfId="0" applyFont="1" applyBorder="1">
      <alignment vertical="center"/>
    </xf>
    <xf numFmtId="0" fontId="1" fillId="0" borderId="14" xfId="0" applyFont="1" applyBorder="1">
      <alignment vertical="center"/>
    </xf>
    <xf numFmtId="0" fontId="1" fillId="0" borderId="15" xfId="0" applyFont="1" applyBorder="1">
      <alignment vertical="center"/>
    </xf>
    <xf numFmtId="38" fontId="1" fillId="0" borderId="2" xfId="3" applyFont="1" applyBorder="1">
      <alignment vertical="center"/>
    </xf>
    <xf numFmtId="0" fontId="1" fillId="0" borderId="2" xfId="0" applyFont="1" applyBorder="1">
      <alignment vertical="center"/>
    </xf>
    <xf numFmtId="0" fontId="14" fillId="0" borderId="0" xfId="0" applyFont="1">
      <alignment vertical="center"/>
    </xf>
    <xf numFmtId="0" fontId="14" fillId="0" borderId="1" xfId="0" applyFont="1" applyBorder="1" applyAlignment="1">
      <alignment horizontal="center" vertical="center"/>
    </xf>
    <xf numFmtId="0" fontId="1" fillId="0" borderId="0" xfId="0" applyFont="1" applyAlignment="1">
      <alignment horizontal="center" vertical="center"/>
    </xf>
    <xf numFmtId="0" fontId="15" fillId="0" borderId="0" xfId="0" applyFont="1" applyBorder="1" applyAlignment="1">
      <alignment vertical="center"/>
    </xf>
    <xf numFmtId="176" fontId="1" fillId="0" borderId="16" xfId="0" applyNumberFormat="1" applyFont="1" applyBorder="1">
      <alignment vertical="center"/>
    </xf>
    <xf numFmtId="176" fontId="1" fillId="0" borderId="10" xfId="0" applyNumberFormat="1" applyFont="1" applyBorder="1">
      <alignment vertical="center"/>
    </xf>
    <xf numFmtId="176" fontId="1" fillId="0" borderId="19" xfId="0" applyNumberFormat="1" applyFont="1" applyBorder="1">
      <alignment vertical="center"/>
    </xf>
    <xf numFmtId="176" fontId="1" fillId="0" borderId="8" xfId="0" applyNumberFormat="1" applyFont="1" applyBorder="1">
      <alignment vertical="center"/>
    </xf>
    <xf numFmtId="38" fontId="1" fillId="0" borderId="20" xfId="3" applyFont="1" applyBorder="1">
      <alignment vertical="center"/>
    </xf>
    <xf numFmtId="0" fontId="1" fillId="0" borderId="20" xfId="0" applyFont="1" applyBorder="1">
      <alignment vertical="center"/>
    </xf>
    <xf numFmtId="0" fontId="1" fillId="0" borderId="12" xfId="0" applyFont="1" applyBorder="1">
      <alignment vertical="center"/>
    </xf>
    <xf numFmtId="176" fontId="1" fillId="0" borderId="12" xfId="0" applyNumberFormat="1" applyFont="1" applyBorder="1">
      <alignment vertical="center"/>
    </xf>
    <xf numFmtId="2" fontId="1" fillId="0" borderId="8" xfId="0" applyNumberFormat="1" applyFont="1" applyBorder="1">
      <alignment vertical="center"/>
    </xf>
    <xf numFmtId="2" fontId="1" fillId="0" borderId="10" xfId="0" applyNumberFormat="1" applyFont="1" applyBorder="1">
      <alignment vertical="center"/>
    </xf>
    <xf numFmtId="2" fontId="1" fillId="0" borderId="19" xfId="0" applyNumberFormat="1" applyFont="1" applyBorder="1">
      <alignment vertical="center"/>
    </xf>
    <xf numFmtId="177" fontId="1" fillId="0" borderId="0" xfId="0" applyNumberFormat="1" applyFont="1" applyFill="1">
      <alignment vertical="center"/>
    </xf>
    <xf numFmtId="0" fontId="1" fillId="0" borderId="0" xfId="0" applyFont="1" applyAlignment="1">
      <alignment horizontal="right" vertical="center"/>
    </xf>
    <xf numFmtId="0" fontId="15" fillId="0" borderId="6" xfId="0" applyFont="1" applyBorder="1" applyAlignment="1">
      <alignment vertical="center"/>
    </xf>
    <xf numFmtId="0" fontId="15" fillId="0" borderId="21" xfId="0" applyFont="1" applyBorder="1" applyAlignment="1">
      <alignment vertical="center"/>
    </xf>
    <xf numFmtId="0" fontId="16" fillId="0" borderId="0" xfId="0" applyFont="1" applyBorder="1" applyAlignment="1">
      <alignment horizontal="right" vertical="center"/>
    </xf>
    <xf numFmtId="0" fontId="15" fillId="0" borderId="20" xfId="0" applyFont="1" applyBorder="1" applyAlignment="1">
      <alignment vertical="center"/>
    </xf>
    <xf numFmtId="0" fontId="17" fillId="0" borderId="0" xfId="0" applyFont="1">
      <alignment vertical="center"/>
    </xf>
    <xf numFmtId="0" fontId="16" fillId="0" borderId="2" xfId="0" applyFont="1" applyBorder="1" applyAlignment="1">
      <alignment horizontal="center" vertical="center" wrapText="1"/>
    </xf>
    <xf numFmtId="0" fontId="18" fillId="0" borderId="0" xfId="0" applyFont="1" applyAlignment="1">
      <alignment horizontal="left" vertical="center"/>
    </xf>
    <xf numFmtId="0" fontId="18" fillId="0" borderId="0" xfId="0" applyFont="1" applyAlignment="1">
      <alignment horizontal="left" vertical="center" indent="1"/>
    </xf>
    <xf numFmtId="0" fontId="1" fillId="0" borderId="0" xfId="0" applyFont="1" applyAlignment="1">
      <alignment vertical="center"/>
    </xf>
    <xf numFmtId="0" fontId="1" fillId="0" borderId="0" xfId="0" applyFont="1" applyAlignment="1">
      <alignment horizontal="left" vertical="center"/>
    </xf>
    <xf numFmtId="0" fontId="1" fillId="0" borderId="0" xfId="0" applyFont="1" applyAlignment="1">
      <alignment horizontal="left" vertical="center" indent="1"/>
    </xf>
    <xf numFmtId="177" fontId="21" fillId="0" borderId="0" xfId="0" applyNumberFormat="1" applyFont="1" applyAlignment="1">
      <alignment horizontal="right" vertical="center"/>
    </xf>
    <xf numFmtId="0" fontId="13" fillId="0" borderId="0" xfId="0" applyFont="1">
      <alignment vertical="center"/>
    </xf>
    <xf numFmtId="49" fontId="6" fillId="0" borderId="0" xfId="0" applyNumberFormat="1" applyFont="1" applyAlignment="1">
      <alignment horizontal="center" vertical="center"/>
    </xf>
    <xf numFmtId="49" fontId="1" fillId="0" borderId="0" xfId="0" applyNumberFormat="1" applyFont="1" applyAlignment="1">
      <alignment horizontal="right" vertical="center"/>
    </xf>
    <xf numFmtId="49" fontId="1" fillId="0" borderId="0" xfId="0" applyNumberFormat="1" applyFont="1" applyAlignment="1">
      <alignment horizontal="left" vertical="center"/>
    </xf>
    <xf numFmtId="49" fontId="1" fillId="0" borderId="0" xfId="0" applyNumberFormat="1" applyFont="1">
      <alignment vertical="center"/>
    </xf>
    <xf numFmtId="49" fontId="1" fillId="0" borderId="0" xfId="0" applyNumberFormat="1" applyFont="1" applyAlignment="1">
      <alignment horizontal="center" vertical="center"/>
    </xf>
    <xf numFmtId="0" fontId="23" fillId="0" borderId="0" xfId="0" applyFont="1" applyBorder="1">
      <alignment vertical="center"/>
    </xf>
    <xf numFmtId="0" fontId="5" fillId="0" borderId="0" xfId="0" applyFont="1" applyAlignment="1">
      <alignment horizontal="center" vertical="center"/>
    </xf>
    <xf numFmtId="0" fontId="3" fillId="0" borderId="0" xfId="0" applyFont="1" applyAlignment="1">
      <alignment horizontal="center" vertical="center"/>
    </xf>
    <xf numFmtId="0" fontId="10" fillId="0" borderId="0" xfId="0" applyFont="1" applyAlignment="1">
      <alignment horizontal="center" vertical="center"/>
    </xf>
    <xf numFmtId="0" fontId="15" fillId="0" borderId="3" xfId="0" applyFont="1" applyBorder="1" applyAlignment="1">
      <alignment horizontal="center" vertical="center"/>
    </xf>
    <xf numFmtId="0" fontId="15" fillId="0" borderId="9" xfId="0" applyFont="1" applyBorder="1" applyAlignment="1">
      <alignment horizontal="center" vertical="center"/>
    </xf>
    <xf numFmtId="0" fontId="15" fillId="0" borderId="16" xfId="0" applyFont="1" applyBorder="1" applyAlignment="1">
      <alignment horizontal="center" vertical="center"/>
    </xf>
    <xf numFmtId="0" fontId="15" fillId="0" borderId="5" xfId="0" applyFont="1" applyBorder="1" applyAlignment="1">
      <alignment horizontal="center" vertical="center"/>
    </xf>
    <xf numFmtId="0" fontId="15" fillId="0" borderId="11" xfId="0" applyFont="1" applyBorder="1" applyAlignment="1">
      <alignment horizontal="center" vertical="center"/>
    </xf>
    <xf numFmtId="0" fontId="15" fillId="0" borderId="10" xfId="0" applyFont="1" applyBorder="1" applyAlignment="1">
      <alignment horizontal="center" vertical="center"/>
    </xf>
    <xf numFmtId="0" fontId="15" fillId="0" borderId="7" xfId="0" applyFont="1" applyBorder="1" applyAlignment="1">
      <alignment horizontal="center" vertical="center"/>
    </xf>
    <xf numFmtId="0" fontId="15" fillId="0" borderId="13" xfId="0" applyFont="1" applyBorder="1" applyAlignment="1">
      <alignment horizontal="center" vertical="center"/>
    </xf>
    <xf numFmtId="0" fontId="15" fillId="0" borderId="12" xfId="0" applyFont="1" applyBorder="1" applyAlignment="1">
      <alignment horizontal="center" vertical="center"/>
    </xf>
  </cellXfs>
  <cellStyles count="4">
    <cellStyle name="桁区切り" xfId="3" builtinId="6"/>
    <cellStyle name="標準" xfId="0" builtinId="0"/>
    <cellStyle name="標準 2" xfId="2"/>
    <cellStyle name="標準 3"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3" Type="http://schemas.openxmlformats.org/officeDocument/2006/relationships/worksheet" Target="worksheets/sheet3.xml"/><Relationship Id="rId21" Type="http://schemas.openxmlformats.org/officeDocument/2006/relationships/theme" Target="theme/theme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styles" Target="styles.xml"/></Relationships>
</file>

<file path=xl/drawings/_rels/drawing5.xml.rels><?xml version="1.0" encoding="UTF-8" standalone="yes"?>
<Relationships xmlns="http://schemas.openxmlformats.org/package/2006/relationships"><Relationship Id="rId1" Type="http://schemas.openxmlformats.org/officeDocument/2006/relationships/image" Target="../media/image1.png"/></Relationships>
</file>

<file path=xl/drawings/_rels/drawing6.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xdr:col>
      <xdr:colOff>259080</xdr:colOff>
      <xdr:row>9</xdr:row>
      <xdr:rowOff>104774</xdr:rowOff>
    </xdr:from>
    <xdr:to>
      <xdr:col>13</xdr:col>
      <xdr:colOff>297179</xdr:colOff>
      <xdr:row>15</xdr:row>
      <xdr:rowOff>106679</xdr:rowOff>
    </xdr:to>
    <xdr:sp macro="" textlink="">
      <xdr:nvSpPr>
        <xdr:cNvPr id="2" name="正方形/長方形 1">
          <a:extLst>
            <a:ext uri="{FF2B5EF4-FFF2-40B4-BE49-F238E27FC236}">
              <a16:creationId xmlns:a16="http://schemas.microsoft.com/office/drawing/2014/main" id="{B4387B91-F279-41EA-AE2F-A52EF6FF91C4}"/>
            </a:ext>
          </a:extLst>
        </xdr:cNvPr>
        <xdr:cNvSpPr/>
      </xdr:nvSpPr>
      <xdr:spPr>
        <a:xfrm>
          <a:off x="411480" y="2025014"/>
          <a:ext cx="5684519" cy="1266825"/>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259080</xdr:colOff>
      <xdr:row>20</xdr:row>
      <xdr:rowOff>121920</xdr:rowOff>
    </xdr:from>
    <xdr:to>
      <xdr:col>13</xdr:col>
      <xdr:colOff>297179</xdr:colOff>
      <xdr:row>31</xdr:row>
      <xdr:rowOff>99060</xdr:rowOff>
    </xdr:to>
    <xdr:sp macro="" textlink="">
      <xdr:nvSpPr>
        <xdr:cNvPr id="9" name="正方形/長方形 8">
          <a:extLst>
            <a:ext uri="{FF2B5EF4-FFF2-40B4-BE49-F238E27FC236}">
              <a16:creationId xmlns:a16="http://schemas.microsoft.com/office/drawing/2014/main" id="{3DB610FF-9271-4007-8262-AD3ADEBED274}"/>
            </a:ext>
          </a:extLst>
        </xdr:cNvPr>
        <xdr:cNvSpPr/>
      </xdr:nvSpPr>
      <xdr:spPr>
        <a:xfrm>
          <a:off x="411480" y="4297680"/>
          <a:ext cx="5684519" cy="235458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7620</xdr:colOff>
      <xdr:row>33</xdr:row>
      <xdr:rowOff>53340</xdr:rowOff>
    </xdr:from>
    <xdr:to>
      <xdr:col>14</xdr:col>
      <xdr:colOff>7619</xdr:colOff>
      <xdr:row>38</xdr:row>
      <xdr:rowOff>53340</xdr:rowOff>
    </xdr:to>
    <xdr:sp macro="" textlink="">
      <xdr:nvSpPr>
        <xdr:cNvPr id="10" name="正方形/長方形 9">
          <a:extLst>
            <a:ext uri="{FF2B5EF4-FFF2-40B4-BE49-F238E27FC236}">
              <a16:creationId xmlns:a16="http://schemas.microsoft.com/office/drawing/2014/main" id="{C09F8A6C-B619-4906-A399-662812EAD2BC}"/>
            </a:ext>
          </a:extLst>
        </xdr:cNvPr>
        <xdr:cNvSpPr/>
      </xdr:nvSpPr>
      <xdr:spPr>
        <a:xfrm>
          <a:off x="426720" y="6979920"/>
          <a:ext cx="5684519" cy="98298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7620</xdr:colOff>
      <xdr:row>3</xdr:row>
      <xdr:rowOff>15240</xdr:rowOff>
    </xdr:from>
    <xdr:to>
      <xdr:col>14</xdr:col>
      <xdr:colOff>7620</xdr:colOff>
      <xdr:row>7</xdr:row>
      <xdr:rowOff>106680</xdr:rowOff>
    </xdr:to>
    <xdr:sp macro="" textlink="">
      <xdr:nvSpPr>
        <xdr:cNvPr id="4" name="正方形/長方形 3">
          <a:extLst>
            <a:ext uri="{FF2B5EF4-FFF2-40B4-BE49-F238E27FC236}">
              <a16:creationId xmlns:a16="http://schemas.microsoft.com/office/drawing/2014/main" id="{A1154D83-76C5-4157-B1A7-941F9B1A40A0}"/>
            </a:ext>
          </a:extLst>
        </xdr:cNvPr>
        <xdr:cNvSpPr/>
      </xdr:nvSpPr>
      <xdr:spPr>
        <a:xfrm>
          <a:off x="426720" y="655320"/>
          <a:ext cx="5684520" cy="84582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7620</xdr:colOff>
      <xdr:row>8</xdr:row>
      <xdr:rowOff>15240</xdr:rowOff>
    </xdr:from>
    <xdr:to>
      <xdr:col>13</xdr:col>
      <xdr:colOff>297180</xdr:colOff>
      <xdr:row>15</xdr:row>
      <xdr:rowOff>144780</xdr:rowOff>
    </xdr:to>
    <xdr:sp macro="" textlink="">
      <xdr:nvSpPr>
        <xdr:cNvPr id="5" name="正方形/長方形 4">
          <a:extLst>
            <a:ext uri="{FF2B5EF4-FFF2-40B4-BE49-F238E27FC236}">
              <a16:creationId xmlns:a16="http://schemas.microsoft.com/office/drawing/2014/main" id="{FC3A2162-2551-496C-BB10-20B50EC807BB}"/>
            </a:ext>
          </a:extLst>
        </xdr:cNvPr>
        <xdr:cNvSpPr/>
      </xdr:nvSpPr>
      <xdr:spPr>
        <a:xfrm>
          <a:off x="426720" y="1630680"/>
          <a:ext cx="5669280" cy="158496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22860</xdr:colOff>
      <xdr:row>16</xdr:row>
      <xdr:rowOff>53340</xdr:rowOff>
    </xdr:from>
    <xdr:to>
      <xdr:col>13</xdr:col>
      <xdr:colOff>297181</xdr:colOff>
      <xdr:row>27</xdr:row>
      <xdr:rowOff>99060</xdr:rowOff>
    </xdr:to>
    <xdr:sp macro="" textlink="">
      <xdr:nvSpPr>
        <xdr:cNvPr id="6" name="正方形/長方形 5">
          <a:extLst>
            <a:ext uri="{FF2B5EF4-FFF2-40B4-BE49-F238E27FC236}">
              <a16:creationId xmlns:a16="http://schemas.microsoft.com/office/drawing/2014/main" id="{6108B319-2008-4E01-B4F4-0B29C6308672}"/>
            </a:ext>
          </a:extLst>
        </xdr:cNvPr>
        <xdr:cNvSpPr/>
      </xdr:nvSpPr>
      <xdr:spPr>
        <a:xfrm>
          <a:off x="441960" y="3825240"/>
          <a:ext cx="5654041" cy="233172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5240</xdr:colOff>
      <xdr:row>32</xdr:row>
      <xdr:rowOff>45720</xdr:rowOff>
    </xdr:from>
    <xdr:to>
      <xdr:col>14</xdr:col>
      <xdr:colOff>7620</xdr:colOff>
      <xdr:row>44</xdr:row>
      <xdr:rowOff>38100</xdr:rowOff>
    </xdr:to>
    <xdr:sp macro="" textlink="">
      <xdr:nvSpPr>
        <xdr:cNvPr id="7" name="正方形/長方形 6">
          <a:extLst>
            <a:ext uri="{FF2B5EF4-FFF2-40B4-BE49-F238E27FC236}">
              <a16:creationId xmlns:a16="http://schemas.microsoft.com/office/drawing/2014/main" id="{50CC9E68-68AB-40AE-B7E7-C1F5D1A5619C}"/>
            </a:ext>
          </a:extLst>
        </xdr:cNvPr>
        <xdr:cNvSpPr/>
      </xdr:nvSpPr>
      <xdr:spPr>
        <a:xfrm>
          <a:off x="434340" y="6515100"/>
          <a:ext cx="5676900" cy="222504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xdr:col>
      <xdr:colOff>7620</xdr:colOff>
      <xdr:row>3</xdr:row>
      <xdr:rowOff>15240</xdr:rowOff>
    </xdr:from>
    <xdr:to>
      <xdr:col>14</xdr:col>
      <xdr:colOff>7620</xdr:colOff>
      <xdr:row>8</xdr:row>
      <xdr:rowOff>106680</xdr:rowOff>
    </xdr:to>
    <xdr:sp macro="" textlink="">
      <xdr:nvSpPr>
        <xdr:cNvPr id="2" name="正方形/長方形 1">
          <a:extLst>
            <a:ext uri="{FF2B5EF4-FFF2-40B4-BE49-F238E27FC236}">
              <a16:creationId xmlns:a16="http://schemas.microsoft.com/office/drawing/2014/main" id="{E7E325E2-3D8B-4CEE-A1F6-F2532A097B9B}"/>
            </a:ext>
          </a:extLst>
        </xdr:cNvPr>
        <xdr:cNvSpPr/>
      </xdr:nvSpPr>
      <xdr:spPr>
        <a:xfrm>
          <a:off x="426720" y="655320"/>
          <a:ext cx="5684520" cy="84582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7620</xdr:colOff>
      <xdr:row>11</xdr:row>
      <xdr:rowOff>15240</xdr:rowOff>
    </xdr:from>
    <xdr:to>
      <xdr:col>13</xdr:col>
      <xdr:colOff>297180</xdr:colOff>
      <xdr:row>17</xdr:row>
      <xdr:rowOff>144780</xdr:rowOff>
    </xdr:to>
    <xdr:sp macro="" textlink="">
      <xdr:nvSpPr>
        <xdr:cNvPr id="3" name="正方形/長方形 2">
          <a:extLst>
            <a:ext uri="{FF2B5EF4-FFF2-40B4-BE49-F238E27FC236}">
              <a16:creationId xmlns:a16="http://schemas.microsoft.com/office/drawing/2014/main" id="{5D6E1592-4176-4EB7-AA02-9CCCDB0ABEE3}"/>
            </a:ext>
          </a:extLst>
        </xdr:cNvPr>
        <xdr:cNvSpPr/>
      </xdr:nvSpPr>
      <xdr:spPr>
        <a:xfrm>
          <a:off x="426720" y="2293620"/>
          <a:ext cx="5669280" cy="158496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22860</xdr:colOff>
      <xdr:row>19</xdr:row>
      <xdr:rowOff>53340</xdr:rowOff>
    </xdr:from>
    <xdr:to>
      <xdr:col>13</xdr:col>
      <xdr:colOff>297181</xdr:colOff>
      <xdr:row>31</xdr:row>
      <xdr:rowOff>99060</xdr:rowOff>
    </xdr:to>
    <xdr:sp macro="" textlink="">
      <xdr:nvSpPr>
        <xdr:cNvPr id="4" name="正方形/長方形 3">
          <a:extLst>
            <a:ext uri="{FF2B5EF4-FFF2-40B4-BE49-F238E27FC236}">
              <a16:creationId xmlns:a16="http://schemas.microsoft.com/office/drawing/2014/main" id="{7A46A81E-F25F-41C4-801D-9DFEB3936043}"/>
            </a:ext>
          </a:extLst>
        </xdr:cNvPr>
        <xdr:cNvSpPr/>
      </xdr:nvSpPr>
      <xdr:spPr>
        <a:xfrm>
          <a:off x="441960" y="3345180"/>
          <a:ext cx="5654041" cy="2331720"/>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19877</xdr:colOff>
      <xdr:row>11</xdr:row>
      <xdr:rowOff>145774</xdr:rowOff>
    </xdr:from>
    <xdr:to>
      <xdr:col>11</xdr:col>
      <xdr:colOff>516548</xdr:colOff>
      <xdr:row>14</xdr:row>
      <xdr:rowOff>201204</xdr:rowOff>
    </xdr:to>
    <xdr:sp macro="" textlink="">
      <xdr:nvSpPr>
        <xdr:cNvPr id="34" name="正方形/長方形 33">
          <a:extLst>
            <a:ext uri="{FF2B5EF4-FFF2-40B4-BE49-F238E27FC236}">
              <a16:creationId xmlns:a16="http://schemas.microsoft.com/office/drawing/2014/main" id="{A05238CA-D915-478B-801C-70B8B69F754E}"/>
            </a:ext>
          </a:extLst>
        </xdr:cNvPr>
        <xdr:cNvSpPr/>
      </xdr:nvSpPr>
      <xdr:spPr>
        <a:xfrm>
          <a:off x="980660" y="2922104"/>
          <a:ext cx="4107888" cy="790926"/>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ctr"/>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100" b="1">
              <a:latin typeface="ＭＳ Ｐゴシック" panose="020B0600070205080204" pitchFamily="50" charset="-128"/>
              <a:ea typeface="ＭＳ Ｐゴシック" panose="020B0600070205080204" pitchFamily="50" charset="-128"/>
            </a:rPr>
            <a:t>子ども・若者（満</a:t>
          </a:r>
          <a:r>
            <a:rPr kumimoji="1" lang="en-US" altLang="ja-JP" sz="1100" b="1">
              <a:latin typeface="ＭＳ Ｐゴシック" panose="020B0600070205080204" pitchFamily="50" charset="-128"/>
              <a:ea typeface="ＭＳ Ｐゴシック" panose="020B0600070205080204" pitchFamily="50" charset="-128"/>
            </a:rPr>
            <a:t>15</a:t>
          </a:r>
          <a:r>
            <a:rPr kumimoji="1" lang="ja-JP" altLang="en-US" sz="1100" b="1">
              <a:latin typeface="ＭＳ Ｐゴシック" panose="020B0600070205080204" pitchFamily="50" charset="-128"/>
              <a:ea typeface="ＭＳ Ｐゴシック" panose="020B0600070205080204" pitchFamily="50" charset="-128"/>
            </a:rPr>
            <a:t>歳～満</a:t>
          </a:r>
          <a:r>
            <a:rPr kumimoji="1" lang="en-US" altLang="ja-JP" sz="1100" b="1">
              <a:latin typeface="ＭＳ Ｐゴシック" panose="020B0600070205080204" pitchFamily="50" charset="-128"/>
              <a:ea typeface="ＭＳ Ｐゴシック" panose="020B0600070205080204" pitchFamily="50" charset="-128"/>
            </a:rPr>
            <a:t>39</a:t>
          </a:r>
          <a:r>
            <a:rPr kumimoji="1" lang="ja-JP" altLang="en-US" sz="1100" b="1">
              <a:latin typeface="ＭＳ Ｐゴシック" panose="020B0600070205080204" pitchFamily="50" charset="-128"/>
              <a:ea typeface="ＭＳ Ｐゴシック" panose="020B0600070205080204" pitchFamily="50" charset="-128"/>
            </a:rPr>
            <a:t>歳）：約</a:t>
          </a:r>
          <a:r>
            <a:rPr kumimoji="1" lang="en-US" altLang="ja-JP" sz="1100" b="1">
              <a:latin typeface="ＭＳ Ｐゴシック" panose="020B0600070205080204" pitchFamily="50" charset="-128"/>
              <a:ea typeface="ＭＳ Ｐゴシック" panose="020B0600070205080204" pitchFamily="50" charset="-128"/>
            </a:rPr>
            <a:t>17,000</a:t>
          </a:r>
          <a:r>
            <a:rPr kumimoji="1" lang="ja-JP" altLang="en-US" sz="1100" b="1">
              <a:latin typeface="ＭＳ Ｐゴシック" panose="020B0600070205080204" pitchFamily="50" charset="-128"/>
              <a:ea typeface="ＭＳ Ｐゴシック" panose="020B0600070205080204" pitchFamily="50" charset="-128"/>
            </a:rPr>
            <a:t>人</a:t>
          </a:r>
        </a:p>
        <a:p>
          <a:pPr algn="ctr"/>
          <a:r>
            <a:rPr kumimoji="1" lang="ja-JP" altLang="en-US" sz="1100" b="1">
              <a:latin typeface="ＭＳ Ｐゴシック" panose="020B0600070205080204" pitchFamily="50" charset="-128"/>
              <a:ea typeface="ＭＳ Ｐゴシック" panose="020B0600070205080204" pitchFamily="50" charset="-128"/>
            </a:rPr>
            <a:t>　　成人　　　（満</a:t>
          </a:r>
          <a:r>
            <a:rPr kumimoji="1" lang="en-US" altLang="ja-JP" sz="1100" b="1">
              <a:latin typeface="ＭＳ Ｐゴシック" panose="020B0600070205080204" pitchFamily="50" charset="-128"/>
              <a:ea typeface="ＭＳ Ｐゴシック" panose="020B0600070205080204" pitchFamily="50" charset="-128"/>
            </a:rPr>
            <a:t>40</a:t>
          </a:r>
          <a:r>
            <a:rPr kumimoji="1" lang="ja-JP" altLang="en-US" sz="1100" b="1">
              <a:latin typeface="ＭＳ Ｐゴシック" panose="020B0600070205080204" pitchFamily="50" charset="-128"/>
              <a:ea typeface="ＭＳ Ｐゴシック" panose="020B0600070205080204" pitchFamily="50" charset="-128"/>
            </a:rPr>
            <a:t>歳～満</a:t>
          </a:r>
          <a:r>
            <a:rPr kumimoji="1" lang="en-US" altLang="ja-JP" sz="1100" b="1">
              <a:latin typeface="ＭＳ Ｐゴシック" panose="020B0600070205080204" pitchFamily="50" charset="-128"/>
              <a:ea typeface="ＭＳ Ｐゴシック" panose="020B0600070205080204" pitchFamily="50" charset="-128"/>
            </a:rPr>
            <a:t>64</a:t>
          </a:r>
          <a:r>
            <a:rPr kumimoji="1" lang="ja-JP" altLang="en-US" sz="1100" b="1">
              <a:latin typeface="ＭＳ Ｐゴシック" panose="020B0600070205080204" pitchFamily="50" charset="-128"/>
              <a:ea typeface="ＭＳ Ｐゴシック" panose="020B0600070205080204" pitchFamily="50" charset="-128"/>
            </a:rPr>
            <a:t>歳）：約</a:t>
          </a:r>
          <a:r>
            <a:rPr kumimoji="1" lang="en-US" altLang="ja-JP" sz="1100" b="1">
              <a:latin typeface="ＭＳ Ｐゴシック" panose="020B0600070205080204" pitchFamily="50" charset="-128"/>
              <a:ea typeface="ＭＳ Ｐゴシック" panose="020B0600070205080204" pitchFamily="50" charset="-128"/>
            </a:rPr>
            <a:t>24,000</a:t>
          </a:r>
          <a:r>
            <a:rPr kumimoji="1" lang="ja-JP" altLang="en-US" sz="1100" b="1">
              <a:latin typeface="ＭＳ Ｐゴシック" panose="020B0600070205080204" pitchFamily="50" charset="-128"/>
              <a:ea typeface="ＭＳ Ｐゴシック" panose="020B0600070205080204" pitchFamily="50" charset="-128"/>
            </a:rPr>
            <a:t>人</a:t>
          </a:r>
        </a:p>
      </xdr:txBody>
    </xdr:sp>
    <xdr:clientData/>
  </xdr:twoCellAnchor>
  <xdr:twoCellAnchor>
    <xdr:from>
      <xdr:col>2</xdr:col>
      <xdr:colOff>0</xdr:colOff>
      <xdr:row>18</xdr:row>
      <xdr:rowOff>241788</xdr:rowOff>
    </xdr:from>
    <xdr:to>
      <xdr:col>14</xdr:col>
      <xdr:colOff>18231</xdr:colOff>
      <xdr:row>18</xdr:row>
      <xdr:rowOff>241788</xdr:rowOff>
    </xdr:to>
    <xdr:cxnSp macro="">
      <xdr:nvCxnSpPr>
        <xdr:cNvPr id="3" name="直線コネクタ 2"/>
        <xdr:cNvCxnSpPr/>
      </xdr:nvCxnSpPr>
      <xdr:spPr>
        <a:xfrm>
          <a:off x="417635" y="4550019"/>
          <a:ext cx="561600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99995</xdr:colOff>
      <xdr:row>7</xdr:row>
      <xdr:rowOff>19878</xdr:rowOff>
    </xdr:from>
    <xdr:to>
      <xdr:col>13</xdr:col>
      <xdr:colOff>119270</xdr:colOff>
      <xdr:row>36</xdr:row>
      <xdr:rowOff>96980</xdr:rowOff>
    </xdr:to>
    <xdr:grpSp>
      <xdr:nvGrpSpPr>
        <xdr:cNvPr id="2" name="グループ化 1">
          <a:extLst>
            <a:ext uri="{FF2B5EF4-FFF2-40B4-BE49-F238E27FC236}">
              <a16:creationId xmlns:a16="http://schemas.microsoft.com/office/drawing/2014/main" id="{AA40E3EA-BD00-4C75-8ED3-A4D7CDCF739C}"/>
            </a:ext>
          </a:extLst>
        </xdr:cNvPr>
        <xdr:cNvGrpSpPr/>
      </xdr:nvGrpSpPr>
      <xdr:grpSpPr>
        <a:xfrm>
          <a:off x="257729" y="1556832"/>
          <a:ext cx="5717892" cy="7101218"/>
          <a:chOff x="0" y="1415075"/>
          <a:chExt cx="6996655" cy="8922019"/>
        </a:xfrm>
      </xdr:grpSpPr>
      <xdr:grpSp>
        <xdr:nvGrpSpPr>
          <xdr:cNvPr id="3" name="グループ化 2">
            <a:extLst>
              <a:ext uri="{FF2B5EF4-FFF2-40B4-BE49-F238E27FC236}">
                <a16:creationId xmlns:a16="http://schemas.microsoft.com/office/drawing/2014/main" id="{4B9D6108-8814-4968-A33C-9E609D8EC9BA}"/>
              </a:ext>
            </a:extLst>
          </xdr:cNvPr>
          <xdr:cNvGrpSpPr/>
        </xdr:nvGrpSpPr>
        <xdr:grpSpPr>
          <a:xfrm>
            <a:off x="0" y="1415075"/>
            <a:ext cx="6996655" cy="8922019"/>
            <a:chOff x="0" y="1415075"/>
            <a:chExt cx="6996655" cy="8922019"/>
          </a:xfrm>
        </xdr:grpSpPr>
        <xdr:sp macro="" textlink="">
          <xdr:nvSpPr>
            <xdr:cNvPr id="6" name="正方形/長方形 5">
              <a:extLst>
                <a:ext uri="{FF2B5EF4-FFF2-40B4-BE49-F238E27FC236}">
                  <a16:creationId xmlns:a16="http://schemas.microsoft.com/office/drawing/2014/main" id="{595A3364-8476-4448-ABDB-4038C93068AA}"/>
                </a:ext>
              </a:extLst>
            </xdr:cNvPr>
            <xdr:cNvSpPr/>
          </xdr:nvSpPr>
          <xdr:spPr>
            <a:xfrm>
              <a:off x="811575" y="1415075"/>
              <a:ext cx="5152130" cy="988257"/>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800" b="1">
                  <a:latin typeface="ＭＳ Ｐゴシック" panose="020B0600070205080204" pitchFamily="50" charset="-128"/>
                  <a:ea typeface="ＭＳ Ｐゴシック" panose="020B0600070205080204" pitchFamily="50" charset="-128"/>
                </a:rPr>
                <a:t>分析対象</a:t>
              </a:r>
              <a:r>
                <a:rPr kumimoji="1" lang="ja-JP" altLang="en-US" sz="1000" b="1">
                  <a:latin typeface="ＭＳ Ｐゴシック" panose="020B0600070205080204" pitchFamily="50" charset="-128"/>
                  <a:ea typeface="ＭＳ Ｐゴシック" panose="020B0600070205080204" pitchFamily="50" charset="-128"/>
                </a:rPr>
                <a:t>（有効回答から年齢不明者を除外）　　</a:t>
              </a:r>
              <a:endParaRPr kumimoji="1" lang="en-US" altLang="ja-JP" sz="1000" b="1">
                <a:latin typeface="ＭＳ Ｐゴシック" panose="020B0600070205080204" pitchFamily="50" charset="-128"/>
                <a:ea typeface="ＭＳ Ｐゴシック" panose="020B0600070205080204" pitchFamily="50" charset="-128"/>
              </a:endParaRPr>
            </a:p>
          </xdr:txBody>
        </xdr:sp>
        <xdr:sp macro="" textlink="">
          <xdr:nvSpPr>
            <xdr:cNvPr id="7" name="正方形/長方形 6">
              <a:extLst>
                <a:ext uri="{FF2B5EF4-FFF2-40B4-BE49-F238E27FC236}">
                  <a16:creationId xmlns:a16="http://schemas.microsoft.com/office/drawing/2014/main" id="{F693C4E1-7F93-484F-AC91-6E9C3EF6885F}"/>
                </a:ext>
              </a:extLst>
            </xdr:cNvPr>
            <xdr:cNvSpPr/>
          </xdr:nvSpPr>
          <xdr:spPr>
            <a:xfrm>
              <a:off x="0" y="3182793"/>
              <a:ext cx="3389913" cy="1340975"/>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en-US" altLang="ja-JP" sz="1400" b="1">
                  <a:latin typeface="ＭＳ Ｐゴシック" panose="020B0600070205080204" pitchFamily="50" charset="-128"/>
                  <a:ea typeface="ＭＳ Ｐゴシック" panose="020B0600070205080204" pitchFamily="50" charset="-128"/>
                </a:rPr>
                <a:t>2019</a:t>
              </a:r>
              <a:r>
                <a:rPr kumimoji="1" lang="ja-JP" altLang="en-US" sz="1400" b="1">
                  <a:latin typeface="ＭＳ Ｐゴシック" panose="020B0600070205080204" pitchFamily="50" charset="-128"/>
                  <a:ea typeface="ＭＳ Ｐゴシック" panose="020B0600070205080204" pitchFamily="50" charset="-128"/>
                </a:rPr>
                <a:t>年の１年以内に、ほとんど</a:t>
              </a:r>
              <a:endParaRPr kumimoji="1" lang="en-US" altLang="ja-JP" sz="1400" b="1">
                <a:latin typeface="ＭＳ Ｐゴシック" panose="020B0600070205080204" pitchFamily="50" charset="-128"/>
                <a:ea typeface="ＭＳ Ｐゴシック" panose="020B0600070205080204" pitchFamily="50" charset="-128"/>
              </a:endParaRPr>
            </a:p>
            <a:p>
              <a:pPr algn="ctr"/>
              <a:r>
                <a:rPr kumimoji="1" lang="ja-JP" altLang="en-US" sz="1400" b="1">
                  <a:latin typeface="ＭＳ Ｐゴシック" panose="020B0600070205080204" pitchFamily="50" charset="-128"/>
                  <a:ea typeface="ＭＳ Ｐゴシック" panose="020B0600070205080204" pitchFamily="50" charset="-128"/>
                </a:rPr>
                <a:t>外出することがなかった</a:t>
              </a:r>
            </a:p>
          </xdr:txBody>
        </xdr:sp>
        <xdr:sp macro="" textlink="">
          <xdr:nvSpPr>
            <xdr:cNvPr id="8" name="正方形/長方形 7">
              <a:extLst>
                <a:ext uri="{FF2B5EF4-FFF2-40B4-BE49-F238E27FC236}">
                  <a16:creationId xmlns:a16="http://schemas.microsoft.com/office/drawing/2014/main" id="{169928EF-2D24-4261-A43A-DA39F9F8A32A}"/>
                </a:ext>
              </a:extLst>
            </xdr:cNvPr>
            <xdr:cNvSpPr/>
          </xdr:nvSpPr>
          <xdr:spPr>
            <a:xfrm>
              <a:off x="0" y="9324316"/>
              <a:ext cx="3423154" cy="1011968"/>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400" b="1">
                  <a:latin typeface="ＭＳ Ｐゴシック" panose="020B0600070205080204" pitchFamily="50" charset="-128"/>
                  <a:ea typeface="ＭＳ Ｐゴシック" panose="020B0600070205080204" pitchFamily="50" charset="-128"/>
                </a:rPr>
                <a:t>ひきこもり群</a:t>
              </a:r>
            </a:p>
          </xdr:txBody>
        </xdr:sp>
        <xdr:sp macro="" textlink="">
          <xdr:nvSpPr>
            <xdr:cNvPr id="9" name="正方形/長方形 8">
              <a:extLst>
                <a:ext uri="{FF2B5EF4-FFF2-40B4-BE49-F238E27FC236}">
                  <a16:creationId xmlns:a16="http://schemas.microsoft.com/office/drawing/2014/main" id="{FD944C15-1266-41F8-A0A8-0ED74E6D0448}"/>
                </a:ext>
              </a:extLst>
            </xdr:cNvPr>
            <xdr:cNvSpPr/>
          </xdr:nvSpPr>
          <xdr:spPr>
            <a:xfrm>
              <a:off x="1860366" y="6821427"/>
              <a:ext cx="3116845" cy="2268513"/>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r>
                <a:rPr kumimoji="1" lang="ja-JP" altLang="en-US" sz="1400" b="1">
                  <a:latin typeface="ＭＳ Ｐゴシック" panose="020B0600070205080204" pitchFamily="50" charset="-128"/>
                  <a:ea typeface="ＭＳ Ｐゴシック" panose="020B0600070205080204" pitchFamily="50" charset="-128"/>
                </a:rPr>
                <a:t>除外基準を満たす者</a:t>
              </a:r>
              <a:endParaRPr kumimoji="1" lang="en-US" altLang="ja-JP" sz="1400" b="1">
                <a:latin typeface="ＭＳ Ｐゴシック" panose="020B0600070205080204" pitchFamily="50" charset="-128"/>
                <a:ea typeface="ＭＳ Ｐゴシック" panose="020B0600070205080204" pitchFamily="50" charset="-128"/>
              </a:endParaRPr>
            </a:p>
            <a:p>
              <a:r>
                <a:rPr kumimoji="1" lang="en-US" altLang="ja-JP" sz="800">
                  <a:solidFill>
                    <a:schemeClr val="tx1"/>
                  </a:solidFill>
                  <a:latin typeface="ＭＳ Ｐゴシック" panose="020B0600070205080204" pitchFamily="50" charset="-128"/>
                  <a:ea typeface="ＭＳ Ｐゴシック" panose="020B0600070205080204" pitchFamily="50" charset="-128"/>
                </a:rPr>
                <a:t>①Q8</a:t>
              </a:r>
              <a:r>
                <a:rPr kumimoji="1" lang="ja-JP" altLang="en-US" sz="800">
                  <a:solidFill>
                    <a:schemeClr val="tx1"/>
                  </a:solidFill>
                  <a:latin typeface="ＭＳ Ｐゴシック" panose="020B0600070205080204" pitchFamily="50" charset="-128"/>
                  <a:ea typeface="ＭＳ Ｐゴシック" panose="020B0600070205080204" pitchFamily="50" charset="-128"/>
                </a:rPr>
                <a:t>において、「専業主婦・主夫</a:t>
              </a:r>
              <a:r>
                <a:rPr kumimoji="1" lang="en-US" altLang="ja-JP" sz="800">
                  <a:solidFill>
                    <a:schemeClr val="tx1"/>
                  </a:solidFill>
                  <a:latin typeface="ＭＳ Ｐゴシック" panose="020B0600070205080204" pitchFamily="50" charset="-128"/>
                  <a:ea typeface="ＭＳ Ｐゴシック" panose="020B0600070205080204" pitchFamily="50" charset="-128"/>
                </a:rPr>
                <a:t>10</a:t>
              </a:r>
              <a:r>
                <a:rPr kumimoji="1" lang="ja-JP" altLang="en-US" sz="800">
                  <a:solidFill>
                    <a:schemeClr val="tx1"/>
                  </a:solidFill>
                  <a:latin typeface="ＭＳ Ｐゴシック" panose="020B0600070205080204" pitchFamily="50" charset="-128"/>
                  <a:ea typeface="ＭＳ Ｐゴシック" panose="020B0600070205080204" pitchFamily="50" charset="-128"/>
                </a:rPr>
                <a:t>」「家事手伝い</a:t>
              </a:r>
              <a:r>
                <a:rPr kumimoji="1" lang="en-US" altLang="ja-JP" sz="800">
                  <a:solidFill>
                    <a:schemeClr val="tx1"/>
                  </a:solidFill>
                  <a:latin typeface="ＭＳ Ｐゴシック" panose="020B0600070205080204" pitchFamily="50" charset="-128"/>
                  <a:ea typeface="ＭＳ Ｐゴシック" panose="020B0600070205080204" pitchFamily="50" charset="-128"/>
                </a:rPr>
                <a:t>12</a:t>
              </a:r>
              <a:r>
                <a:rPr kumimoji="1" lang="ja-JP" altLang="en-US" sz="800">
                  <a:solidFill>
                    <a:schemeClr val="tx1"/>
                  </a:solidFill>
                  <a:latin typeface="ＭＳ Ｐゴシック" panose="020B0600070205080204" pitchFamily="50" charset="-128"/>
                  <a:ea typeface="ＭＳ Ｐゴシック" panose="020B0600070205080204" pitchFamily="50" charset="-128"/>
                </a:rPr>
                <a:t>」と回答した者</a:t>
              </a:r>
            </a:p>
            <a:p>
              <a:r>
                <a:rPr kumimoji="1" lang="ja-JP" altLang="en-US" sz="800">
                  <a:solidFill>
                    <a:schemeClr val="tx1"/>
                  </a:solidFill>
                  <a:latin typeface="ＭＳ Ｐゴシック" panose="020B0600070205080204" pitchFamily="50" charset="-128"/>
                  <a:ea typeface="ＭＳ Ｐゴシック" panose="020B0600070205080204" pitchFamily="50" charset="-128"/>
                </a:rPr>
                <a:t>②</a:t>
              </a:r>
              <a:r>
                <a:rPr kumimoji="1" lang="en-US" altLang="ja-JP" sz="800">
                  <a:solidFill>
                    <a:schemeClr val="tx1"/>
                  </a:solidFill>
                  <a:latin typeface="ＭＳ Ｐゴシック" panose="020B0600070205080204" pitchFamily="50" charset="-128"/>
                  <a:ea typeface="ＭＳ Ｐゴシック" panose="020B0600070205080204" pitchFamily="50" charset="-128"/>
                </a:rPr>
                <a:t>Q13</a:t>
              </a:r>
              <a:r>
                <a:rPr kumimoji="1" lang="ja-JP" altLang="en-US" sz="800">
                  <a:solidFill>
                    <a:schemeClr val="tx1"/>
                  </a:solidFill>
                  <a:latin typeface="ＭＳ Ｐゴシック" panose="020B0600070205080204" pitchFamily="50" charset="-128"/>
                  <a:ea typeface="ＭＳ Ｐゴシック" panose="020B0600070205080204" pitchFamily="50" charset="-128"/>
                </a:rPr>
                <a:t>において、「仕事</a:t>
              </a:r>
              <a:r>
                <a:rPr kumimoji="1" lang="en-US" altLang="ja-JP" sz="800">
                  <a:solidFill>
                    <a:schemeClr val="tx1"/>
                  </a:solidFill>
                  <a:latin typeface="ＭＳ Ｐゴシック" panose="020B0600070205080204" pitchFamily="50" charset="-128"/>
                  <a:ea typeface="ＭＳ Ｐゴシック" panose="020B0600070205080204" pitchFamily="50" charset="-128"/>
                </a:rPr>
                <a:t>7</a:t>
              </a:r>
              <a:r>
                <a:rPr kumimoji="1" lang="ja-JP" altLang="en-US" sz="800">
                  <a:solidFill>
                    <a:schemeClr val="tx1"/>
                  </a:solidFill>
                  <a:latin typeface="ＭＳ Ｐゴシック" panose="020B0600070205080204" pitchFamily="50" charset="-128"/>
                  <a:ea typeface="ＭＳ Ｐゴシック" panose="020B0600070205080204" pitchFamily="50" charset="-128"/>
                </a:rPr>
                <a:t>」「家事・育児</a:t>
              </a:r>
              <a:r>
                <a:rPr kumimoji="1" lang="en-US" altLang="ja-JP" sz="800">
                  <a:solidFill>
                    <a:schemeClr val="tx1"/>
                  </a:solidFill>
                  <a:latin typeface="ＭＳ Ｐゴシック" panose="020B0600070205080204" pitchFamily="50" charset="-128"/>
                  <a:ea typeface="ＭＳ Ｐゴシック" panose="020B0600070205080204" pitchFamily="50" charset="-128"/>
                </a:rPr>
                <a:t>8</a:t>
              </a:r>
              <a:r>
                <a:rPr kumimoji="1" lang="ja-JP" altLang="en-US" sz="800">
                  <a:solidFill>
                    <a:schemeClr val="tx1"/>
                  </a:solidFill>
                  <a:latin typeface="ＭＳ Ｐゴシック" panose="020B0600070205080204" pitchFamily="50" charset="-128"/>
                  <a:ea typeface="ＭＳ Ｐゴシック" panose="020B0600070205080204" pitchFamily="50" charset="-128"/>
                </a:rPr>
                <a:t>」「介護・看護</a:t>
              </a:r>
              <a:r>
                <a:rPr kumimoji="1" lang="en-US" altLang="ja-JP" sz="800">
                  <a:solidFill>
                    <a:schemeClr val="tx1"/>
                  </a:solidFill>
                  <a:latin typeface="ＭＳ Ｐゴシック" panose="020B0600070205080204" pitchFamily="50" charset="-128"/>
                  <a:ea typeface="ＭＳ Ｐゴシック" panose="020B0600070205080204" pitchFamily="50" charset="-128"/>
                </a:rPr>
                <a:t>9</a:t>
              </a:r>
              <a:r>
                <a:rPr kumimoji="1" lang="ja-JP" altLang="en-US" sz="800">
                  <a:solidFill>
                    <a:schemeClr val="tx1"/>
                  </a:solidFill>
                  <a:latin typeface="ＭＳ Ｐゴシック" panose="020B0600070205080204" pitchFamily="50" charset="-128"/>
                  <a:ea typeface="ＭＳ Ｐゴシック" panose="020B0600070205080204" pitchFamily="50" charset="-128"/>
                </a:rPr>
                <a:t>」と回答した者</a:t>
              </a:r>
            </a:p>
            <a:p>
              <a:r>
                <a:rPr kumimoji="1" lang="ja-JP" altLang="en-US" sz="800">
                  <a:solidFill>
                    <a:schemeClr val="tx1"/>
                  </a:solidFill>
                  <a:latin typeface="ＭＳ Ｐゴシック" panose="020B0600070205080204" pitchFamily="50" charset="-128"/>
                  <a:ea typeface="ＭＳ Ｐゴシック" panose="020B0600070205080204" pitchFamily="50" charset="-128"/>
                </a:rPr>
                <a:t>③</a:t>
              </a:r>
              <a:r>
                <a:rPr kumimoji="1" lang="en-US" altLang="ja-JP" sz="800">
                  <a:solidFill>
                    <a:schemeClr val="tx1"/>
                  </a:solidFill>
                  <a:latin typeface="ＭＳ Ｐゴシック" panose="020B0600070205080204" pitchFamily="50" charset="-128"/>
                  <a:ea typeface="ＭＳ Ｐゴシック" panose="020B0600070205080204" pitchFamily="50" charset="-128"/>
                </a:rPr>
                <a:t>Q17</a:t>
              </a:r>
              <a:r>
                <a:rPr kumimoji="1" lang="ja-JP" altLang="en-US" sz="800">
                  <a:solidFill>
                    <a:schemeClr val="tx1"/>
                  </a:solidFill>
                  <a:latin typeface="ＭＳ Ｐゴシック" panose="020B0600070205080204" pitchFamily="50" charset="-128"/>
                  <a:ea typeface="ＭＳ Ｐゴシック" panose="020B0600070205080204" pitchFamily="50" charset="-128"/>
                </a:rPr>
                <a:t>において、「病気（身体疾病のみ）</a:t>
              </a:r>
              <a:r>
                <a:rPr kumimoji="1" lang="en-US" altLang="ja-JP" sz="800">
                  <a:solidFill>
                    <a:schemeClr val="tx1"/>
                  </a:solidFill>
                  <a:latin typeface="ＭＳ Ｐゴシック" panose="020B0600070205080204" pitchFamily="50" charset="-128"/>
                  <a:ea typeface="ＭＳ Ｐゴシック" panose="020B0600070205080204" pitchFamily="50" charset="-128"/>
                </a:rPr>
                <a:t>7</a:t>
              </a:r>
              <a:r>
                <a:rPr kumimoji="1" lang="ja-JP" altLang="en-US" sz="800">
                  <a:solidFill>
                    <a:schemeClr val="tx1"/>
                  </a:solidFill>
                  <a:latin typeface="ＭＳ Ｐゴシック" panose="020B0600070205080204" pitchFamily="50" charset="-128"/>
                  <a:ea typeface="ＭＳ Ｐゴシック" panose="020B0600070205080204" pitchFamily="50" charset="-128"/>
                </a:rPr>
                <a:t>」「妊娠</a:t>
              </a:r>
              <a:r>
                <a:rPr kumimoji="1" lang="en-US" altLang="ja-JP" sz="800">
                  <a:solidFill>
                    <a:schemeClr val="tx1"/>
                  </a:solidFill>
                  <a:latin typeface="ＭＳ Ｐゴシック" panose="020B0600070205080204" pitchFamily="50" charset="-128"/>
                  <a:ea typeface="ＭＳ Ｐゴシック" panose="020B0600070205080204" pitchFamily="50" charset="-128"/>
                </a:rPr>
                <a:t>8</a:t>
              </a:r>
              <a:r>
                <a:rPr kumimoji="1" lang="ja-JP" altLang="en-US" sz="800">
                  <a:solidFill>
                    <a:schemeClr val="tx1"/>
                  </a:solidFill>
                  <a:latin typeface="ＭＳ Ｐゴシック" panose="020B0600070205080204" pitchFamily="50" charset="-128"/>
                  <a:ea typeface="ＭＳ Ｐゴシック" panose="020B0600070205080204" pitchFamily="50" charset="-128"/>
                </a:rPr>
                <a:t>」「介護・看護</a:t>
              </a:r>
              <a:r>
                <a:rPr kumimoji="1" lang="en-US" altLang="ja-JP" sz="800">
                  <a:solidFill>
                    <a:schemeClr val="tx1"/>
                  </a:solidFill>
                  <a:latin typeface="ＭＳ Ｐゴシック" panose="020B0600070205080204" pitchFamily="50" charset="-128"/>
                  <a:ea typeface="ＭＳ Ｐゴシック" panose="020B0600070205080204" pitchFamily="50" charset="-128"/>
                </a:rPr>
                <a:t>9</a:t>
              </a:r>
              <a:r>
                <a:rPr kumimoji="1" lang="ja-JP" altLang="en-US" sz="800">
                  <a:solidFill>
                    <a:schemeClr val="tx1"/>
                  </a:solidFill>
                  <a:latin typeface="ＭＳ Ｐゴシック" panose="020B0600070205080204" pitchFamily="50" charset="-128"/>
                  <a:ea typeface="ＭＳ Ｐゴシック" panose="020B0600070205080204" pitchFamily="50" charset="-128"/>
                </a:rPr>
                <a:t>」「その他（身体疾患、コロナ関連、妊娠・出産、介護等）</a:t>
              </a:r>
              <a:r>
                <a:rPr kumimoji="1" lang="en-US" altLang="ja-JP" sz="800">
                  <a:solidFill>
                    <a:schemeClr val="tx1"/>
                  </a:solidFill>
                  <a:latin typeface="ＭＳ Ｐゴシック" panose="020B0600070205080204" pitchFamily="50" charset="-128"/>
                  <a:ea typeface="ＭＳ Ｐゴシック" panose="020B0600070205080204" pitchFamily="50" charset="-128"/>
                </a:rPr>
                <a:t>11</a:t>
              </a:r>
              <a:r>
                <a:rPr kumimoji="1" lang="ja-JP" altLang="en-US" sz="800">
                  <a:solidFill>
                    <a:schemeClr val="tx1"/>
                  </a:solidFill>
                  <a:latin typeface="ＭＳ Ｐゴシック" panose="020B0600070205080204" pitchFamily="50" charset="-128"/>
                  <a:ea typeface="ＭＳ Ｐゴシック" panose="020B0600070205080204" pitchFamily="50" charset="-128"/>
                </a:rPr>
                <a:t>」に回答した者</a:t>
              </a:r>
            </a:p>
            <a:p>
              <a:r>
                <a:rPr kumimoji="1" lang="ja-JP" altLang="en-US" sz="800">
                  <a:solidFill>
                    <a:schemeClr val="tx1"/>
                  </a:solidFill>
                  <a:latin typeface="ＭＳ Ｐゴシック" panose="020B0600070205080204" pitchFamily="50" charset="-128"/>
                  <a:ea typeface="ＭＳ Ｐゴシック" panose="020B0600070205080204" pitchFamily="50" charset="-128"/>
                </a:rPr>
                <a:t>＊</a:t>
              </a:r>
              <a:r>
                <a:rPr kumimoji="1" lang="en-US" altLang="ja-JP" sz="800">
                  <a:solidFill>
                    <a:schemeClr val="tx1"/>
                  </a:solidFill>
                  <a:latin typeface="ＭＳ Ｐゴシック" panose="020B0600070205080204" pitchFamily="50" charset="-128"/>
                  <a:ea typeface="ＭＳ Ｐゴシック" panose="020B0600070205080204" pitchFamily="50" charset="-128"/>
                </a:rPr>
                <a:t>Q17</a:t>
              </a:r>
              <a:r>
                <a:rPr kumimoji="1" lang="ja-JP" altLang="en-US" sz="800">
                  <a:solidFill>
                    <a:schemeClr val="tx1"/>
                  </a:solidFill>
                  <a:latin typeface="ＭＳ Ｐゴシック" panose="020B0600070205080204" pitchFamily="50" charset="-128"/>
                  <a:ea typeface="ＭＳ Ｐゴシック" panose="020B0600070205080204" pitchFamily="50" charset="-128"/>
                </a:rPr>
                <a:t>について</a:t>
              </a:r>
              <a:r>
                <a:rPr kumimoji="1" lang="en-US" altLang="ja-JP" sz="800">
                  <a:solidFill>
                    <a:schemeClr val="tx1"/>
                  </a:solidFill>
                  <a:latin typeface="ＭＳ Ｐゴシック" panose="020B0600070205080204" pitchFamily="50" charset="-128"/>
                  <a:ea typeface="ＭＳ Ｐゴシック" panose="020B0600070205080204" pitchFamily="50" charset="-128"/>
                </a:rPr>
                <a:t>1</a:t>
              </a:r>
              <a:r>
                <a:rPr kumimoji="1" lang="ja-JP" altLang="en-US" sz="800">
                  <a:solidFill>
                    <a:schemeClr val="tx1"/>
                  </a:solidFill>
                  <a:latin typeface="ＭＳ Ｐゴシック" panose="020B0600070205080204" pitchFamily="50" charset="-128"/>
                  <a:ea typeface="ＭＳ Ｐゴシック" panose="020B0600070205080204" pitchFamily="50" charset="-128"/>
                </a:rPr>
                <a:t>～</a:t>
              </a:r>
              <a:r>
                <a:rPr kumimoji="1" lang="en-US" altLang="ja-JP" sz="800">
                  <a:solidFill>
                    <a:schemeClr val="tx1"/>
                  </a:solidFill>
                  <a:latin typeface="ＭＳ Ｐゴシック" panose="020B0600070205080204" pitchFamily="50" charset="-128"/>
                  <a:ea typeface="ＭＳ Ｐゴシック" panose="020B0600070205080204" pitchFamily="50" charset="-128"/>
                </a:rPr>
                <a:t>6,10</a:t>
              </a:r>
              <a:r>
                <a:rPr kumimoji="1" lang="ja-JP" altLang="en-US" sz="800">
                  <a:solidFill>
                    <a:schemeClr val="tx1"/>
                  </a:solidFill>
                  <a:latin typeface="ＭＳ Ｐゴシック" panose="020B0600070205080204" pitchFamily="50" charset="-128"/>
                  <a:ea typeface="ＭＳ Ｐゴシック" panose="020B0600070205080204" pitchFamily="50" charset="-128"/>
                </a:rPr>
                <a:t>にも回答している者は含まない</a:t>
              </a:r>
            </a:p>
          </xdr:txBody>
        </xdr:sp>
        <xdr:cxnSp macro="">
          <xdr:nvCxnSpPr>
            <xdr:cNvPr id="10" name="コネクタ: カギ線 9">
              <a:extLst>
                <a:ext uri="{FF2B5EF4-FFF2-40B4-BE49-F238E27FC236}">
                  <a16:creationId xmlns:a16="http://schemas.microsoft.com/office/drawing/2014/main" id="{0BD5D12D-A295-43F8-A4B8-10D7E8A8124D}"/>
                </a:ext>
              </a:extLst>
            </xdr:cNvPr>
            <xdr:cNvCxnSpPr>
              <a:cxnSpLocks/>
              <a:stCxn id="6" idx="2"/>
              <a:endCxn id="7" idx="0"/>
            </xdr:cNvCxnSpPr>
          </xdr:nvCxnSpPr>
          <xdr:spPr>
            <a:xfrm rot="5400000">
              <a:off x="2151568" y="1946721"/>
              <a:ext cx="779461" cy="1692684"/>
            </a:xfrm>
            <a:prstGeom prst="bentConnector3">
              <a:avLst/>
            </a:prstGeom>
            <a:ln>
              <a:tailEnd type="triangle"/>
            </a:ln>
          </xdr:spPr>
          <xdr:style>
            <a:lnRef idx="2">
              <a:schemeClr val="dk1"/>
            </a:lnRef>
            <a:fillRef idx="0">
              <a:schemeClr val="dk1"/>
            </a:fillRef>
            <a:effectRef idx="1">
              <a:schemeClr val="dk1"/>
            </a:effectRef>
            <a:fontRef idx="minor">
              <a:schemeClr val="tx1"/>
            </a:fontRef>
          </xdr:style>
        </xdr:cxnSp>
        <xdr:sp macro="" textlink="">
          <xdr:nvSpPr>
            <xdr:cNvPr id="11" name="正方形/長方形 10">
              <a:extLst>
                <a:ext uri="{FF2B5EF4-FFF2-40B4-BE49-F238E27FC236}">
                  <a16:creationId xmlns:a16="http://schemas.microsoft.com/office/drawing/2014/main" id="{528A1534-061C-430F-9933-5A612EDAB96D}"/>
                </a:ext>
              </a:extLst>
            </xdr:cNvPr>
            <xdr:cNvSpPr/>
          </xdr:nvSpPr>
          <xdr:spPr>
            <a:xfrm>
              <a:off x="10036" y="5703582"/>
              <a:ext cx="3388187" cy="1011968"/>
            </a:xfrm>
            <a:prstGeom prst="rect">
              <a:avLst/>
            </a:prstGeom>
            <a:solidFill>
              <a:schemeClr val="bg1"/>
            </a:solidFill>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400" b="1">
                  <a:latin typeface="ＭＳ Ｐゴシック" panose="020B0600070205080204" pitchFamily="50" charset="-128"/>
                  <a:ea typeface="ＭＳ Ｐゴシック" panose="020B0600070205080204" pitchFamily="50" charset="-128"/>
                </a:rPr>
                <a:t>上記の状態は６ヵ月以上持続</a:t>
              </a:r>
              <a:endParaRPr kumimoji="1" lang="en-US" altLang="ja-JP" sz="1400" b="1">
                <a:latin typeface="ＭＳ Ｐゴシック" panose="020B0600070205080204" pitchFamily="50" charset="-128"/>
                <a:ea typeface="ＭＳ Ｐゴシック" panose="020B0600070205080204" pitchFamily="50" charset="-128"/>
              </a:endParaRPr>
            </a:p>
          </xdr:txBody>
        </xdr:sp>
        <xdr:sp macro="" textlink="">
          <xdr:nvSpPr>
            <xdr:cNvPr id="12" name="テキスト ボックス 9">
              <a:extLst>
                <a:ext uri="{FF2B5EF4-FFF2-40B4-BE49-F238E27FC236}">
                  <a16:creationId xmlns:a16="http://schemas.microsoft.com/office/drawing/2014/main" id="{2854AD39-2A57-4BC6-B935-EC6725556AD7}"/>
                </a:ext>
              </a:extLst>
            </xdr:cNvPr>
            <xdr:cNvSpPr txBox="1"/>
          </xdr:nvSpPr>
          <xdr:spPr>
            <a:xfrm>
              <a:off x="177837" y="3892948"/>
              <a:ext cx="3212075" cy="445616"/>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若者（満</a:t>
              </a:r>
              <a:r>
                <a:rPr kumimoji="1" lang="en-US" altLang="ja-JP" sz="1050" b="1">
                  <a:latin typeface="ＭＳ Ｐゴシック" panose="020B0600070205080204" pitchFamily="50" charset="-128"/>
                  <a:ea typeface="ＭＳ Ｐゴシック" panose="020B0600070205080204" pitchFamily="50" charset="-128"/>
                </a:rPr>
                <a:t>15</a:t>
              </a:r>
              <a:r>
                <a:rPr kumimoji="1" lang="ja-JP" altLang="en-US" sz="1050" b="1">
                  <a:latin typeface="ＭＳ Ｐゴシック" panose="020B0600070205080204" pitchFamily="50" charset="-128"/>
                  <a:ea typeface="ＭＳ Ｐゴシック" panose="020B0600070205080204" pitchFamily="50" charset="-128"/>
                </a:rPr>
                <a:t>歳から満</a:t>
              </a:r>
              <a:r>
                <a:rPr kumimoji="1" lang="en-US" altLang="ja-JP" sz="1050" b="1">
                  <a:latin typeface="ＭＳ Ｐゴシック" panose="020B0600070205080204" pitchFamily="50" charset="-128"/>
                  <a:ea typeface="ＭＳ Ｐゴシック" panose="020B0600070205080204" pitchFamily="50" charset="-128"/>
                </a:rPr>
                <a:t>39</a:t>
              </a:r>
              <a:r>
                <a:rPr kumimoji="1" lang="ja-JP" altLang="en-US" sz="1050" b="1">
                  <a:latin typeface="ＭＳ Ｐゴシック" panose="020B0600070205080204" pitchFamily="50" charset="-128"/>
                  <a:ea typeface="ＭＳ Ｐゴシック" panose="020B0600070205080204" pitchFamily="50" charset="-128"/>
                </a:rPr>
                <a:t>歳）：</a:t>
              </a:r>
              <a:r>
                <a:rPr kumimoji="1" lang="en-US" altLang="ja-JP" sz="105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6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84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3" name="テキスト ボックス 10">
              <a:extLst>
                <a:ext uri="{FF2B5EF4-FFF2-40B4-BE49-F238E27FC236}">
                  <a16:creationId xmlns:a16="http://schemas.microsoft.com/office/drawing/2014/main" id="{F2E6EE97-E306-4627-95A3-AA6BF81F3461}"/>
                </a:ext>
              </a:extLst>
            </xdr:cNvPr>
            <xdr:cNvSpPr txBox="1"/>
          </xdr:nvSpPr>
          <xdr:spPr>
            <a:xfrm>
              <a:off x="1934634" y="1824055"/>
              <a:ext cx="4389055" cy="445615"/>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若者（満</a:t>
              </a:r>
              <a:r>
                <a:rPr kumimoji="1" lang="en-US" altLang="ja-JP" sz="1050" b="1">
                  <a:latin typeface="ＭＳ Ｐゴシック" panose="020B0600070205080204" pitchFamily="50" charset="-128"/>
                  <a:ea typeface="ＭＳ Ｐゴシック" panose="020B0600070205080204" pitchFamily="50" charset="-128"/>
                </a:rPr>
                <a:t>15</a:t>
              </a:r>
              <a:r>
                <a:rPr kumimoji="1" lang="ja-JP" altLang="en-US" sz="1050" b="1">
                  <a:latin typeface="ＭＳ Ｐゴシック" panose="020B0600070205080204" pitchFamily="50" charset="-128"/>
                  <a:ea typeface="ＭＳ Ｐゴシック" panose="020B0600070205080204" pitchFamily="50" charset="-128"/>
                </a:rPr>
                <a:t>歳から満</a:t>
              </a:r>
              <a:r>
                <a:rPr kumimoji="1" lang="en-US" altLang="ja-JP" sz="1050" b="1">
                  <a:latin typeface="ＭＳ Ｐゴシック" panose="020B0600070205080204" pitchFamily="50" charset="-128"/>
                  <a:ea typeface="ＭＳ Ｐゴシック" panose="020B0600070205080204" pitchFamily="50" charset="-128"/>
                </a:rPr>
                <a:t>39</a:t>
              </a:r>
              <a:r>
                <a:rPr kumimoji="1" lang="ja-JP" altLang="en-US" sz="1050" b="1">
                  <a:latin typeface="ＭＳ Ｐゴシック" panose="020B0600070205080204" pitchFamily="50" charset="-128"/>
                  <a:ea typeface="ＭＳ Ｐゴシック" panose="020B0600070205080204" pitchFamily="50" charset="-128"/>
                </a:rPr>
                <a:t>歳）：</a:t>
              </a:r>
              <a:r>
                <a:rPr kumimoji="1" lang="en-US" altLang="ja-JP" sz="105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447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2086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4" name="テキスト ボックス 12">
              <a:extLst>
                <a:ext uri="{FF2B5EF4-FFF2-40B4-BE49-F238E27FC236}">
                  <a16:creationId xmlns:a16="http://schemas.microsoft.com/office/drawing/2014/main" id="{FD1F9470-7B89-443A-A5A3-CE871AF5AB59}"/>
                </a:ext>
              </a:extLst>
            </xdr:cNvPr>
            <xdr:cNvSpPr txBox="1"/>
          </xdr:nvSpPr>
          <xdr:spPr>
            <a:xfrm>
              <a:off x="90984" y="6116772"/>
              <a:ext cx="3215824" cy="445616"/>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若者（満</a:t>
              </a:r>
              <a:r>
                <a:rPr kumimoji="1" lang="en-US" altLang="ja-JP" sz="1050" b="1">
                  <a:latin typeface="ＭＳ Ｐゴシック" panose="020B0600070205080204" pitchFamily="50" charset="-128"/>
                  <a:ea typeface="ＭＳ Ｐゴシック" panose="020B0600070205080204" pitchFamily="50" charset="-128"/>
                </a:rPr>
                <a:t>15</a:t>
              </a:r>
              <a:r>
                <a:rPr kumimoji="1" lang="ja-JP" altLang="en-US" sz="1050" b="1">
                  <a:latin typeface="ＭＳ Ｐゴシック" panose="020B0600070205080204" pitchFamily="50" charset="-128"/>
                  <a:ea typeface="ＭＳ Ｐゴシック" panose="020B0600070205080204" pitchFamily="50" charset="-128"/>
                </a:rPr>
                <a:t>歳から満</a:t>
              </a:r>
              <a:r>
                <a:rPr kumimoji="1" lang="en-US" altLang="ja-JP" sz="1050" b="1">
                  <a:latin typeface="ＭＳ Ｐゴシック" panose="020B0600070205080204" pitchFamily="50" charset="-128"/>
                  <a:ea typeface="ＭＳ Ｐゴシック" panose="020B0600070205080204" pitchFamily="50" charset="-128"/>
                </a:rPr>
                <a:t>39</a:t>
              </a:r>
              <a:r>
                <a:rPr kumimoji="1" lang="ja-JP" altLang="en-US" sz="1050" b="1">
                  <a:latin typeface="ＭＳ Ｐゴシック" panose="020B0600070205080204" pitchFamily="50" charset="-128"/>
                  <a:ea typeface="ＭＳ Ｐゴシック" panose="020B0600070205080204" pitchFamily="50" charset="-128"/>
                </a:rPr>
                <a:t>歳）</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58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68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5" name="テキスト ボックス 13">
              <a:extLst>
                <a:ext uri="{FF2B5EF4-FFF2-40B4-BE49-F238E27FC236}">
                  <a16:creationId xmlns:a16="http://schemas.microsoft.com/office/drawing/2014/main" id="{61282992-D8B1-414E-978B-AD48D727E117}"/>
                </a:ext>
              </a:extLst>
            </xdr:cNvPr>
            <xdr:cNvSpPr txBox="1"/>
          </xdr:nvSpPr>
          <xdr:spPr>
            <a:xfrm>
              <a:off x="220973" y="9720509"/>
              <a:ext cx="3326836" cy="485908"/>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若者（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 30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55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6" name="正方形/長方形 15">
              <a:extLst>
                <a:ext uri="{FF2B5EF4-FFF2-40B4-BE49-F238E27FC236}">
                  <a16:creationId xmlns:a16="http://schemas.microsoft.com/office/drawing/2014/main" id="{8AED9633-2209-4452-AEDF-5EC4CF7AFA07}"/>
                </a:ext>
              </a:extLst>
            </xdr:cNvPr>
            <xdr:cNvSpPr/>
          </xdr:nvSpPr>
          <xdr:spPr>
            <a:xfrm>
              <a:off x="3507910" y="9321758"/>
              <a:ext cx="3389019" cy="1015336"/>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400" b="1">
                  <a:latin typeface="ＭＳ Ｐゴシック" panose="020B0600070205080204" pitchFamily="50" charset="-128"/>
                  <a:ea typeface="ＭＳ Ｐゴシック" panose="020B0600070205080204" pitchFamily="50" charset="-128"/>
                </a:rPr>
                <a:t>ひきこもり群以外</a:t>
              </a:r>
            </a:p>
          </xdr:txBody>
        </xdr:sp>
        <xdr:sp macro="" textlink="">
          <xdr:nvSpPr>
            <xdr:cNvPr id="17" name="テキスト ボックス 20">
              <a:extLst>
                <a:ext uri="{FF2B5EF4-FFF2-40B4-BE49-F238E27FC236}">
                  <a16:creationId xmlns:a16="http://schemas.microsoft.com/office/drawing/2014/main" id="{CF0FF9A4-28E8-433D-9050-85225AB79AFE}"/>
                </a:ext>
              </a:extLst>
            </xdr:cNvPr>
            <xdr:cNvSpPr txBox="1"/>
          </xdr:nvSpPr>
          <xdr:spPr>
            <a:xfrm>
              <a:off x="3595409" y="9730231"/>
              <a:ext cx="3401246" cy="445615"/>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子ども・若者（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 1417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2031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8" name="正方形/長方形 17">
              <a:extLst>
                <a:ext uri="{FF2B5EF4-FFF2-40B4-BE49-F238E27FC236}">
                  <a16:creationId xmlns:a16="http://schemas.microsoft.com/office/drawing/2014/main" id="{4FB8541B-54F2-46DA-8B58-32F945811EFA}"/>
                </a:ext>
              </a:extLst>
            </xdr:cNvPr>
            <xdr:cNvSpPr/>
          </xdr:nvSpPr>
          <xdr:spPr>
            <a:xfrm>
              <a:off x="1895316" y="4624600"/>
              <a:ext cx="2874133" cy="916798"/>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400" b="1">
                  <a:latin typeface="ＭＳ Ｐゴシック" panose="020B0600070205080204" pitchFamily="50" charset="-128"/>
                  <a:ea typeface="ＭＳ Ｐゴシック" panose="020B0600070205080204" pitchFamily="50" charset="-128"/>
                </a:rPr>
                <a:t>６ヵ月未満</a:t>
              </a:r>
            </a:p>
          </xdr:txBody>
        </xdr:sp>
        <xdr:sp macro="" textlink="">
          <xdr:nvSpPr>
            <xdr:cNvPr id="19" name="テキスト ボックス 23">
              <a:extLst>
                <a:ext uri="{FF2B5EF4-FFF2-40B4-BE49-F238E27FC236}">
                  <a16:creationId xmlns:a16="http://schemas.microsoft.com/office/drawing/2014/main" id="{BBCF6C77-D4D2-41DE-AC17-94E079458A05}"/>
                </a:ext>
              </a:extLst>
            </xdr:cNvPr>
            <xdr:cNvSpPr txBox="1"/>
          </xdr:nvSpPr>
          <xdr:spPr>
            <a:xfrm>
              <a:off x="1819041" y="5002458"/>
              <a:ext cx="3282826" cy="459198"/>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子ども・若者（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8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6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20" name="テキスト ボックス 34">
              <a:extLst>
                <a:ext uri="{FF2B5EF4-FFF2-40B4-BE49-F238E27FC236}">
                  <a16:creationId xmlns:a16="http://schemas.microsoft.com/office/drawing/2014/main" id="{8ACD78B9-851E-4962-97DE-C3B39C6171AD}"/>
                </a:ext>
              </a:extLst>
            </xdr:cNvPr>
            <xdr:cNvSpPr txBox="1"/>
          </xdr:nvSpPr>
          <xdr:spPr>
            <a:xfrm>
              <a:off x="1769809" y="8537876"/>
              <a:ext cx="3332061" cy="435917"/>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子ども・若者（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 </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28</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113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cxnSp macro="">
          <xdr:nvCxnSpPr>
            <xdr:cNvPr id="21" name="直線矢印コネクタ 20">
              <a:extLst>
                <a:ext uri="{FF2B5EF4-FFF2-40B4-BE49-F238E27FC236}">
                  <a16:creationId xmlns:a16="http://schemas.microsoft.com/office/drawing/2014/main" id="{92A825CD-1A28-4417-A0C7-08C9AA33F46D}"/>
                </a:ext>
              </a:extLst>
            </xdr:cNvPr>
            <xdr:cNvCxnSpPr>
              <a:stCxn id="7" idx="2"/>
              <a:endCxn id="11" idx="0"/>
            </xdr:cNvCxnSpPr>
          </xdr:nvCxnSpPr>
          <xdr:spPr>
            <a:xfrm>
              <a:off x="1694956" y="4523768"/>
              <a:ext cx="9173" cy="1179814"/>
            </a:xfrm>
            <a:prstGeom prst="straightConnector1">
              <a:avLst/>
            </a:prstGeom>
            <a:ln>
              <a:tailEnd type="triangle"/>
            </a:ln>
          </xdr:spPr>
          <xdr:style>
            <a:lnRef idx="2">
              <a:schemeClr val="dk1"/>
            </a:lnRef>
            <a:fillRef idx="0">
              <a:schemeClr val="dk1"/>
            </a:fillRef>
            <a:effectRef idx="1">
              <a:schemeClr val="dk1"/>
            </a:effectRef>
            <a:fontRef idx="minor">
              <a:schemeClr val="tx1"/>
            </a:fontRef>
          </xdr:style>
        </xdr:cxnSp>
        <xdr:cxnSp macro="">
          <xdr:nvCxnSpPr>
            <xdr:cNvPr id="22" name="直線矢印コネクタ 21">
              <a:extLst>
                <a:ext uri="{FF2B5EF4-FFF2-40B4-BE49-F238E27FC236}">
                  <a16:creationId xmlns:a16="http://schemas.microsoft.com/office/drawing/2014/main" id="{F4F4C4FB-86C5-4AEC-9912-30465D891319}"/>
                </a:ext>
              </a:extLst>
            </xdr:cNvPr>
            <xdr:cNvCxnSpPr>
              <a:stCxn id="11" idx="2"/>
              <a:endCxn id="8" idx="0"/>
            </xdr:cNvCxnSpPr>
          </xdr:nvCxnSpPr>
          <xdr:spPr>
            <a:xfrm>
              <a:off x="1704130" y="6715551"/>
              <a:ext cx="7447" cy="2608765"/>
            </a:xfrm>
            <a:prstGeom prst="straightConnector1">
              <a:avLst/>
            </a:prstGeom>
            <a:ln>
              <a:tailEnd type="triangle"/>
            </a:ln>
          </xdr:spPr>
          <xdr:style>
            <a:lnRef idx="2">
              <a:schemeClr val="dk1"/>
            </a:lnRef>
            <a:fillRef idx="0">
              <a:schemeClr val="dk1"/>
            </a:fillRef>
            <a:effectRef idx="1">
              <a:schemeClr val="dk1"/>
            </a:effectRef>
            <a:fontRef idx="minor">
              <a:schemeClr val="tx1"/>
            </a:fontRef>
          </xdr:style>
        </xdr:cxnSp>
        <xdr:cxnSp macro="">
          <xdr:nvCxnSpPr>
            <xdr:cNvPr id="23" name="コネクタ: カギ線 22">
              <a:extLst>
                <a:ext uri="{FF2B5EF4-FFF2-40B4-BE49-F238E27FC236}">
                  <a16:creationId xmlns:a16="http://schemas.microsoft.com/office/drawing/2014/main" id="{8553BD15-F5F6-48A5-9844-BB811FF57334}"/>
                </a:ext>
              </a:extLst>
            </xdr:cNvPr>
            <xdr:cNvCxnSpPr>
              <a:cxnSpLocks/>
              <a:stCxn id="11" idx="2"/>
              <a:endCxn id="9" idx="1"/>
            </xdr:cNvCxnSpPr>
          </xdr:nvCxnSpPr>
          <xdr:spPr>
            <a:xfrm rot="16200000" flipH="1">
              <a:off x="1162182" y="7257499"/>
              <a:ext cx="1240133" cy="156236"/>
            </a:xfrm>
            <a:prstGeom prst="bentConnector2">
              <a:avLst/>
            </a:prstGeom>
            <a:ln>
              <a:tailEnd type="triangle"/>
            </a:ln>
          </xdr:spPr>
          <xdr:style>
            <a:lnRef idx="2">
              <a:schemeClr val="dk1"/>
            </a:lnRef>
            <a:fillRef idx="0">
              <a:schemeClr val="dk1"/>
            </a:fillRef>
            <a:effectRef idx="1">
              <a:schemeClr val="dk1"/>
            </a:effectRef>
            <a:fontRef idx="minor">
              <a:schemeClr val="tx1"/>
            </a:fontRef>
          </xdr:style>
        </xdr:cxnSp>
        <xdr:cxnSp macro="">
          <xdr:nvCxnSpPr>
            <xdr:cNvPr id="24" name="コネクタ: カギ線 23">
              <a:extLst>
                <a:ext uri="{FF2B5EF4-FFF2-40B4-BE49-F238E27FC236}">
                  <a16:creationId xmlns:a16="http://schemas.microsoft.com/office/drawing/2014/main" id="{FC122340-4800-4896-BC39-7B83A6018565}"/>
                </a:ext>
              </a:extLst>
            </xdr:cNvPr>
            <xdr:cNvCxnSpPr>
              <a:stCxn id="7" idx="2"/>
              <a:endCxn id="18" idx="1"/>
            </xdr:cNvCxnSpPr>
          </xdr:nvCxnSpPr>
          <xdr:spPr>
            <a:xfrm rot="16200000" flipH="1">
              <a:off x="1515521" y="4703204"/>
              <a:ext cx="559231" cy="200359"/>
            </a:xfrm>
            <a:prstGeom prst="bentConnector2">
              <a:avLst/>
            </a:prstGeom>
            <a:ln>
              <a:tailEnd type="triangle"/>
            </a:ln>
          </xdr:spPr>
          <xdr:style>
            <a:lnRef idx="2">
              <a:schemeClr val="dk1"/>
            </a:lnRef>
            <a:fillRef idx="0">
              <a:schemeClr val="dk1"/>
            </a:fillRef>
            <a:effectRef idx="1">
              <a:schemeClr val="dk1"/>
            </a:effectRef>
            <a:fontRef idx="minor">
              <a:schemeClr val="tx1"/>
            </a:fontRef>
          </xdr:style>
        </xdr:cxnSp>
        <xdr:pic>
          <xdr:nvPicPr>
            <xdr:cNvPr id="25" name="図 24">
              <a:extLst>
                <a:ext uri="{FF2B5EF4-FFF2-40B4-BE49-F238E27FC236}">
                  <a16:creationId xmlns:a16="http://schemas.microsoft.com/office/drawing/2014/main" id="{FF2EA3E1-1E3B-46CA-AB43-2C6D76BA99E4}"/>
                </a:ext>
              </a:extLst>
            </xdr:cNvPr>
            <xdr:cNvPicPr>
              <a:picLocks noChangeAspect="1"/>
            </xdr:cNvPicPr>
          </xdr:nvPicPr>
          <xdr:blipFill>
            <a:blip xmlns:r="http://schemas.openxmlformats.org/officeDocument/2006/relationships" r:embed="rId1"/>
            <a:stretch>
              <a:fillRect/>
            </a:stretch>
          </xdr:blipFill>
          <xdr:spPr>
            <a:xfrm>
              <a:off x="3380508" y="2400315"/>
              <a:ext cx="1854326" cy="6984741"/>
            </a:xfrm>
            <a:prstGeom prst="rect">
              <a:avLst/>
            </a:prstGeom>
          </xdr:spPr>
        </xdr:pic>
      </xdr:grpSp>
      <xdr:cxnSp macro="">
        <xdr:nvCxnSpPr>
          <xdr:cNvPr id="4" name="直線矢印コネクタ 3">
            <a:extLst>
              <a:ext uri="{FF2B5EF4-FFF2-40B4-BE49-F238E27FC236}">
                <a16:creationId xmlns:a16="http://schemas.microsoft.com/office/drawing/2014/main" id="{08557646-99EB-47F7-AB5B-DC0E6F7A96F3}"/>
              </a:ext>
            </a:extLst>
          </xdr:cNvPr>
          <xdr:cNvCxnSpPr/>
        </xdr:nvCxnSpPr>
        <xdr:spPr>
          <a:xfrm flipV="1">
            <a:off x="4757956" y="5082783"/>
            <a:ext cx="377154" cy="214"/>
          </a:xfrm>
          <a:prstGeom prst="straightConnector1">
            <a:avLst/>
          </a:prstGeom>
          <a:ln>
            <a:tailEnd type="triangle"/>
          </a:ln>
        </xdr:spPr>
        <xdr:style>
          <a:lnRef idx="2">
            <a:schemeClr val="dk1"/>
          </a:lnRef>
          <a:fillRef idx="0">
            <a:schemeClr val="dk1"/>
          </a:fillRef>
          <a:effectRef idx="1">
            <a:schemeClr val="dk1"/>
          </a:effectRef>
          <a:fontRef idx="minor">
            <a:schemeClr val="tx1"/>
          </a:fontRef>
        </xdr:style>
      </xdr:cxnSp>
      <xdr:cxnSp macro="">
        <xdr:nvCxnSpPr>
          <xdr:cNvPr id="5" name="直線矢印コネクタ 4">
            <a:extLst>
              <a:ext uri="{FF2B5EF4-FFF2-40B4-BE49-F238E27FC236}">
                <a16:creationId xmlns:a16="http://schemas.microsoft.com/office/drawing/2014/main" id="{576B0474-E1BC-42B2-B87D-CB06D942B2DC}"/>
              </a:ext>
            </a:extLst>
          </xdr:cNvPr>
          <xdr:cNvCxnSpPr/>
        </xdr:nvCxnSpPr>
        <xdr:spPr>
          <a:xfrm flipV="1">
            <a:off x="4968901" y="7906008"/>
            <a:ext cx="182830" cy="1"/>
          </a:xfrm>
          <a:prstGeom prst="straightConnector1">
            <a:avLst/>
          </a:prstGeom>
          <a:ln>
            <a:tailEnd type="triangle"/>
          </a:ln>
        </xdr:spPr>
        <xdr:style>
          <a:lnRef idx="2">
            <a:schemeClr val="dk1"/>
          </a:lnRef>
          <a:fillRef idx="0">
            <a:schemeClr val="dk1"/>
          </a:fillRef>
          <a:effectRef idx="1">
            <a:schemeClr val="dk1"/>
          </a:effectRef>
          <a:fontRef idx="minor">
            <a:schemeClr val="tx1"/>
          </a:fontRef>
        </xdr:style>
      </xdr:cxnSp>
    </xdr:grp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99995</xdr:colOff>
      <xdr:row>7</xdr:row>
      <xdr:rowOff>19878</xdr:rowOff>
    </xdr:from>
    <xdr:to>
      <xdr:col>13</xdr:col>
      <xdr:colOff>119270</xdr:colOff>
      <xdr:row>36</xdr:row>
      <xdr:rowOff>96980</xdr:rowOff>
    </xdr:to>
    <xdr:grpSp>
      <xdr:nvGrpSpPr>
        <xdr:cNvPr id="2" name="グループ化 1">
          <a:extLst>
            <a:ext uri="{FF2B5EF4-FFF2-40B4-BE49-F238E27FC236}">
              <a16:creationId xmlns:a16="http://schemas.microsoft.com/office/drawing/2014/main" id="{FF8C9672-8C7B-4E5C-B29B-46657751F427}"/>
            </a:ext>
          </a:extLst>
        </xdr:cNvPr>
        <xdr:cNvGrpSpPr/>
      </xdr:nvGrpSpPr>
      <xdr:grpSpPr>
        <a:xfrm>
          <a:off x="257729" y="1556832"/>
          <a:ext cx="5717892" cy="7101218"/>
          <a:chOff x="0" y="1415075"/>
          <a:chExt cx="6996655" cy="8922019"/>
        </a:xfrm>
      </xdr:grpSpPr>
      <xdr:grpSp>
        <xdr:nvGrpSpPr>
          <xdr:cNvPr id="3" name="グループ化 2">
            <a:extLst>
              <a:ext uri="{FF2B5EF4-FFF2-40B4-BE49-F238E27FC236}">
                <a16:creationId xmlns:a16="http://schemas.microsoft.com/office/drawing/2014/main" id="{445A2C3C-17C8-441D-983E-7AC95632AA7E}"/>
              </a:ext>
            </a:extLst>
          </xdr:cNvPr>
          <xdr:cNvGrpSpPr/>
        </xdr:nvGrpSpPr>
        <xdr:grpSpPr>
          <a:xfrm>
            <a:off x="0" y="1415075"/>
            <a:ext cx="6996655" cy="8922019"/>
            <a:chOff x="0" y="1415075"/>
            <a:chExt cx="6996655" cy="8922019"/>
          </a:xfrm>
        </xdr:grpSpPr>
        <xdr:sp macro="" textlink="">
          <xdr:nvSpPr>
            <xdr:cNvPr id="6" name="正方形/長方形 5">
              <a:extLst>
                <a:ext uri="{FF2B5EF4-FFF2-40B4-BE49-F238E27FC236}">
                  <a16:creationId xmlns:a16="http://schemas.microsoft.com/office/drawing/2014/main" id="{68C90DC6-95B2-4B7A-846F-41D34588AEF5}"/>
                </a:ext>
              </a:extLst>
            </xdr:cNvPr>
            <xdr:cNvSpPr/>
          </xdr:nvSpPr>
          <xdr:spPr>
            <a:xfrm>
              <a:off x="811575" y="1415075"/>
              <a:ext cx="5152130" cy="988257"/>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800" b="1">
                  <a:latin typeface="ＭＳ Ｐゴシック" panose="020B0600070205080204" pitchFamily="50" charset="-128"/>
                  <a:ea typeface="ＭＳ Ｐゴシック" panose="020B0600070205080204" pitchFamily="50" charset="-128"/>
                </a:rPr>
                <a:t>分析対象</a:t>
              </a:r>
              <a:r>
                <a:rPr kumimoji="1" lang="ja-JP" altLang="en-US" sz="1000" b="1">
                  <a:latin typeface="ＭＳ Ｐゴシック" panose="020B0600070205080204" pitchFamily="50" charset="-128"/>
                  <a:ea typeface="ＭＳ Ｐゴシック" panose="020B0600070205080204" pitchFamily="50" charset="-128"/>
                </a:rPr>
                <a:t>（有効回答から年齢不明者を除外）　　</a:t>
              </a:r>
              <a:endParaRPr kumimoji="1" lang="en-US" altLang="ja-JP" sz="1000" b="1">
                <a:latin typeface="ＭＳ Ｐゴシック" panose="020B0600070205080204" pitchFamily="50" charset="-128"/>
                <a:ea typeface="ＭＳ Ｐゴシック" panose="020B0600070205080204" pitchFamily="50" charset="-128"/>
              </a:endParaRPr>
            </a:p>
          </xdr:txBody>
        </xdr:sp>
        <xdr:sp macro="" textlink="">
          <xdr:nvSpPr>
            <xdr:cNvPr id="7" name="正方形/長方形 6">
              <a:extLst>
                <a:ext uri="{FF2B5EF4-FFF2-40B4-BE49-F238E27FC236}">
                  <a16:creationId xmlns:a16="http://schemas.microsoft.com/office/drawing/2014/main" id="{22BD2B36-B2AA-4ECE-86AC-0DEF3C020349}"/>
                </a:ext>
              </a:extLst>
            </xdr:cNvPr>
            <xdr:cNvSpPr/>
          </xdr:nvSpPr>
          <xdr:spPr>
            <a:xfrm>
              <a:off x="0" y="3182793"/>
              <a:ext cx="3389913" cy="1340975"/>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en-US" altLang="ja-JP" sz="1400" b="1">
                  <a:latin typeface="ＭＳ Ｐゴシック" panose="020B0600070205080204" pitchFamily="50" charset="-128"/>
                  <a:ea typeface="ＭＳ Ｐゴシック" panose="020B0600070205080204" pitchFamily="50" charset="-128"/>
                </a:rPr>
                <a:t>2019</a:t>
              </a:r>
              <a:r>
                <a:rPr kumimoji="1" lang="ja-JP" altLang="en-US" sz="1400" b="1">
                  <a:latin typeface="ＭＳ Ｐゴシック" panose="020B0600070205080204" pitchFamily="50" charset="-128"/>
                  <a:ea typeface="ＭＳ Ｐゴシック" panose="020B0600070205080204" pitchFamily="50" charset="-128"/>
                </a:rPr>
                <a:t>年の１年以内に、ほとんど</a:t>
              </a:r>
              <a:endParaRPr kumimoji="1" lang="en-US" altLang="ja-JP" sz="1400" b="1">
                <a:latin typeface="ＭＳ Ｐゴシック" panose="020B0600070205080204" pitchFamily="50" charset="-128"/>
                <a:ea typeface="ＭＳ Ｐゴシック" panose="020B0600070205080204" pitchFamily="50" charset="-128"/>
              </a:endParaRPr>
            </a:p>
            <a:p>
              <a:pPr algn="ctr"/>
              <a:r>
                <a:rPr kumimoji="1" lang="ja-JP" altLang="en-US" sz="1400" b="1">
                  <a:latin typeface="ＭＳ Ｐゴシック" panose="020B0600070205080204" pitchFamily="50" charset="-128"/>
                  <a:ea typeface="ＭＳ Ｐゴシック" panose="020B0600070205080204" pitchFamily="50" charset="-128"/>
                </a:rPr>
                <a:t>外出することがなかった</a:t>
              </a:r>
            </a:p>
          </xdr:txBody>
        </xdr:sp>
        <xdr:sp macro="" textlink="">
          <xdr:nvSpPr>
            <xdr:cNvPr id="8" name="正方形/長方形 7">
              <a:extLst>
                <a:ext uri="{FF2B5EF4-FFF2-40B4-BE49-F238E27FC236}">
                  <a16:creationId xmlns:a16="http://schemas.microsoft.com/office/drawing/2014/main" id="{A9B457CE-2664-4D7E-8979-B8D2A065743A}"/>
                </a:ext>
              </a:extLst>
            </xdr:cNvPr>
            <xdr:cNvSpPr/>
          </xdr:nvSpPr>
          <xdr:spPr>
            <a:xfrm>
              <a:off x="0" y="9324316"/>
              <a:ext cx="3423154" cy="1011968"/>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400" b="1">
                  <a:latin typeface="ＭＳ Ｐゴシック" panose="020B0600070205080204" pitchFamily="50" charset="-128"/>
                  <a:ea typeface="ＭＳ Ｐゴシック" panose="020B0600070205080204" pitchFamily="50" charset="-128"/>
                </a:rPr>
                <a:t>ひきこもり群</a:t>
              </a:r>
            </a:p>
          </xdr:txBody>
        </xdr:sp>
        <xdr:sp macro="" textlink="">
          <xdr:nvSpPr>
            <xdr:cNvPr id="9" name="正方形/長方形 8">
              <a:extLst>
                <a:ext uri="{FF2B5EF4-FFF2-40B4-BE49-F238E27FC236}">
                  <a16:creationId xmlns:a16="http://schemas.microsoft.com/office/drawing/2014/main" id="{16FCDCE4-13FA-48A1-8038-462B873F4F88}"/>
                </a:ext>
              </a:extLst>
            </xdr:cNvPr>
            <xdr:cNvSpPr/>
          </xdr:nvSpPr>
          <xdr:spPr>
            <a:xfrm>
              <a:off x="1860365" y="6821427"/>
              <a:ext cx="3141777" cy="2081557"/>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r>
                <a:rPr kumimoji="1" lang="ja-JP" altLang="en-US" sz="1400" b="1">
                  <a:latin typeface="ＭＳ Ｐゴシック" panose="020B0600070205080204" pitchFamily="50" charset="-128"/>
                  <a:ea typeface="ＭＳ Ｐゴシック" panose="020B0600070205080204" pitchFamily="50" charset="-128"/>
                </a:rPr>
                <a:t>除外基準を満たす者</a:t>
              </a:r>
              <a:endParaRPr kumimoji="1" lang="en-US" altLang="ja-JP" sz="1400" b="1">
                <a:latin typeface="ＭＳ Ｐゴシック" panose="020B0600070205080204" pitchFamily="50" charset="-128"/>
                <a:ea typeface="ＭＳ Ｐゴシック" panose="020B0600070205080204" pitchFamily="50" charset="-128"/>
              </a:endParaRPr>
            </a:p>
            <a:p>
              <a:r>
                <a:rPr kumimoji="1" lang="en-US" altLang="ja-JP" sz="800">
                  <a:solidFill>
                    <a:schemeClr val="tx1"/>
                  </a:solidFill>
                  <a:latin typeface="ＭＳ Ｐゴシック" panose="020B0600070205080204" pitchFamily="50" charset="-128"/>
                  <a:ea typeface="ＭＳ Ｐゴシック" panose="020B0600070205080204" pitchFamily="50" charset="-128"/>
                </a:rPr>
                <a:t>①Q8</a:t>
              </a:r>
              <a:r>
                <a:rPr kumimoji="1" lang="ja-JP" altLang="en-US" sz="800">
                  <a:solidFill>
                    <a:schemeClr val="tx1"/>
                  </a:solidFill>
                  <a:latin typeface="ＭＳ Ｐゴシック" panose="020B0600070205080204" pitchFamily="50" charset="-128"/>
                  <a:ea typeface="ＭＳ Ｐゴシック" panose="020B0600070205080204" pitchFamily="50" charset="-128"/>
                </a:rPr>
                <a:t>において、「専業主婦・主夫</a:t>
              </a:r>
              <a:r>
                <a:rPr kumimoji="1" lang="en-US" altLang="ja-JP" sz="800">
                  <a:solidFill>
                    <a:schemeClr val="tx1"/>
                  </a:solidFill>
                  <a:latin typeface="ＭＳ Ｐゴシック" panose="020B0600070205080204" pitchFamily="50" charset="-128"/>
                  <a:ea typeface="ＭＳ Ｐゴシック" panose="020B0600070205080204" pitchFamily="50" charset="-128"/>
                </a:rPr>
                <a:t>10</a:t>
              </a:r>
              <a:r>
                <a:rPr kumimoji="1" lang="ja-JP" altLang="en-US" sz="800">
                  <a:solidFill>
                    <a:schemeClr val="tx1"/>
                  </a:solidFill>
                  <a:latin typeface="ＭＳ Ｐゴシック" panose="020B0600070205080204" pitchFamily="50" charset="-128"/>
                  <a:ea typeface="ＭＳ Ｐゴシック" panose="020B0600070205080204" pitchFamily="50" charset="-128"/>
                </a:rPr>
                <a:t>」「家事手伝い</a:t>
              </a:r>
              <a:r>
                <a:rPr kumimoji="1" lang="en-US" altLang="ja-JP" sz="800">
                  <a:solidFill>
                    <a:schemeClr val="tx1"/>
                  </a:solidFill>
                  <a:latin typeface="ＭＳ Ｐゴシック" panose="020B0600070205080204" pitchFamily="50" charset="-128"/>
                  <a:ea typeface="ＭＳ Ｐゴシック" panose="020B0600070205080204" pitchFamily="50" charset="-128"/>
                </a:rPr>
                <a:t>12</a:t>
              </a:r>
              <a:r>
                <a:rPr kumimoji="1" lang="ja-JP" altLang="en-US" sz="800">
                  <a:solidFill>
                    <a:schemeClr val="tx1"/>
                  </a:solidFill>
                  <a:latin typeface="ＭＳ Ｐゴシック" panose="020B0600070205080204" pitchFamily="50" charset="-128"/>
                  <a:ea typeface="ＭＳ Ｐゴシック" panose="020B0600070205080204" pitchFamily="50" charset="-128"/>
                </a:rPr>
                <a:t>」と回答した者</a:t>
              </a:r>
            </a:p>
            <a:p>
              <a:r>
                <a:rPr kumimoji="1" lang="ja-JP" altLang="en-US" sz="800">
                  <a:solidFill>
                    <a:schemeClr val="tx1"/>
                  </a:solidFill>
                  <a:latin typeface="ＭＳ Ｐゴシック" panose="020B0600070205080204" pitchFamily="50" charset="-128"/>
                  <a:ea typeface="ＭＳ Ｐゴシック" panose="020B0600070205080204" pitchFamily="50" charset="-128"/>
                </a:rPr>
                <a:t>②</a:t>
              </a:r>
              <a:r>
                <a:rPr kumimoji="1" lang="en-US" altLang="ja-JP" sz="800">
                  <a:solidFill>
                    <a:schemeClr val="tx1"/>
                  </a:solidFill>
                  <a:latin typeface="ＭＳ Ｐゴシック" panose="020B0600070205080204" pitchFamily="50" charset="-128"/>
                  <a:ea typeface="ＭＳ Ｐゴシック" panose="020B0600070205080204" pitchFamily="50" charset="-128"/>
                </a:rPr>
                <a:t>Q12</a:t>
              </a:r>
              <a:r>
                <a:rPr kumimoji="1" lang="ja-JP" altLang="en-US" sz="800">
                  <a:solidFill>
                    <a:schemeClr val="tx1"/>
                  </a:solidFill>
                  <a:latin typeface="ＭＳ Ｐゴシック" panose="020B0600070205080204" pitchFamily="50" charset="-128"/>
                  <a:ea typeface="ＭＳ Ｐゴシック" panose="020B0600070205080204" pitchFamily="50" charset="-128"/>
                </a:rPr>
                <a:t>において、「病気（身体疾病のみ）</a:t>
              </a:r>
              <a:r>
                <a:rPr kumimoji="1" lang="en-US" altLang="ja-JP" sz="800">
                  <a:solidFill>
                    <a:schemeClr val="tx1"/>
                  </a:solidFill>
                  <a:latin typeface="ＭＳ Ｐゴシック" panose="020B0600070205080204" pitchFamily="50" charset="-128"/>
                  <a:ea typeface="ＭＳ Ｐゴシック" panose="020B0600070205080204" pitchFamily="50" charset="-128"/>
                </a:rPr>
                <a:t>7</a:t>
              </a:r>
              <a:r>
                <a:rPr kumimoji="1" lang="ja-JP" altLang="en-US" sz="800">
                  <a:solidFill>
                    <a:schemeClr val="tx1"/>
                  </a:solidFill>
                  <a:latin typeface="ＭＳ Ｐゴシック" panose="020B0600070205080204" pitchFamily="50" charset="-128"/>
                  <a:ea typeface="ＭＳ Ｐゴシック" panose="020B0600070205080204" pitchFamily="50" charset="-128"/>
                </a:rPr>
                <a:t>」「妊娠</a:t>
              </a:r>
              <a:r>
                <a:rPr kumimoji="1" lang="en-US" altLang="ja-JP" sz="800">
                  <a:solidFill>
                    <a:schemeClr val="tx1"/>
                  </a:solidFill>
                  <a:latin typeface="ＭＳ Ｐゴシック" panose="020B0600070205080204" pitchFamily="50" charset="-128"/>
                  <a:ea typeface="ＭＳ Ｐゴシック" panose="020B0600070205080204" pitchFamily="50" charset="-128"/>
                </a:rPr>
                <a:t>8</a:t>
              </a:r>
              <a:r>
                <a:rPr kumimoji="1" lang="ja-JP" altLang="en-US" sz="800">
                  <a:solidFill>
                    <a:schemeClr val="tx1"/>
                  </a:solidFill>
                  <a:latin typeface="ＭＳ Ｐゴシック" panose="020B0600070205080204" pitchFamily="50" charset="-128"/>
                  <a:ea typeface="ＭＳ Ｐゴシック" panose="020B0600070205080204" pitchFamily="50" charset="-128"/>
                </a:rPr>
                <a:t>」「介護・看護</a:t>
              </a:r>
              <a:r>
                <a:rPr kumimoji="1" lang="en-US" altLang="ja-JP" sz="800">
                  <a:solidFill>
                    <a:schemeClr val="tx1"/>
                  </a:solidFill>
                  <a:latin typeface="ＭＳ Ｐゴシック" panose="020B0600070205080204" pitchFamily="50" charset="-128"/>
                  <a:ea typeface="ＭＳ Ｐゴシック" panose="020B0600070205080204" pitchFamily="50" charset="-128"/>
                </a:rPr>
                <a:t>9</a:t>
              </a:r>
              <a:r>
                <a:rPr kumimoji="1" lang="ja-JP" altLang="en-US" sz="800">
                  <a:solidFill>
                    <a:schemeClr val="tx1"/>
                  </a:solidFill>
                  <a:latin typeface="ＭＳ Ｐゴシック" panose="020B0600070205080204" pitchFamily="50" charset="-128"/>
                  <a:ea typeface="ＭＳ Ｐゴシック" panose="020B0600070205080204" pitchFamily="50" charset="-128"/>
                </a:rPr>
                <a:t>」「その他（身体疾患、コロナ関連、妊娠・出産、介護等）</a:t>
              </a:r>
              <a:r>
                <a:rPr kumimoji="1" lang="en-US" altLang="ja-JP" sz="800">
                  <a:solidFill>
                    <a:schemeClr val="tx1"/>
                  </a:solidFill>
                  <a:latin typeface="ＭＳ Ｐゴシック" panose="020B0600070205080204" pitchFamily="50" charset="-128"/>
                  <a:ea typeface="ＭＳ Ｐゴシック" panose="020B0600070205080204" pitchFamily="50" charset="-128"/>
                </a:rPr>
                <a:t>11</a:t>
              </a:r>
              <a:r>
                <a:rPr kumimoji="1" lang="ja-JP" altLang="en-US" sz="800">
                  <a:solidFill>
                    <a:schemeClr val="tx1"/>
                  </a:solidFill>
                  <a:latin typeface="ＭＳ Ｐゴシック" panose="020B0600070205080204" pitchFamily="50" charset="-128"/>
                  <a:ea typeface="ＭＳ Ｐゴシック" panose="020B0600070205080204" pitchFamily="50" charset="-128"/>
                </a:rPr>
                <a:t>」に回答した者</a:t>
              </a:r>
            </a:p>
            <a:p>
              <a:r>
                <a:rPr kumimoji="1" lang="ja-JP" altLang="en-US" sz="800">
                  <a:solidFill>
                    <a:schemeClr val="tx1"/>
                  </a:solidFill>
                  <a:latin typeface="ＭＳ Ｐゴシック" panose="020B0600070205080204" pitchFamily="50" charset="-128"/>
                  <a:ea typeface="ＭＳ Ｐゴシック" panose="020B0600070205080204" pitchFamily="50" charset="-128"/>
                </a:rPr>
                <a:t>＊</a:t>
              </a:r>
              <a:r>
                <a:rPr kumimoji="1" lang="en-US" altLang="ja-JP" sz="800">
                  <a:solidFill>
                    <a:schemeClr val="tx1"/>
                  </a:solidFill>
                  <a:latin typeface="ＭＳ Ｐゴシック" panose="020B0600070205080204" pitchFamily="50" charset="-128"/>
                  <a:ea typeface="ＭＳ Ｐゴシック" panose="020B0600070205080204" pitchFamily="50" charset="-128"/>
                </a:rPr>
                <a:t>Q12</a:t>
              </a:r>
              <a:r>
                <a:rPr kumimoji="1" lang="ja-JP" altLang="en-US" sz="800">
                  <a:solidFill>
                    <a:schemeClr val="tx1"/>
                  </a:solidFill>
                  <a:latin typeface="ＭＳ Ｐゴシック" panose="020B0600070205080204" pitchFamily="50" charset="-128"/>
                  <a:ea typeface="ＭＳ Ｐゴシック" panose="020B0600070205080204" pitchFamily="50" charset="-128"/>
                </a:rPr>
                <a:t>について</a:t>
              </a:r>
              <a:r>
                <a:rPr kumimoji="1" lang="en-US" altLang="ja-JP" sz="800">
                  <a:solidFill>
                    <a:schemeClr val="tx1"/>
                  </a:solidFill>
                  <a:latin typeface="ＭＳ Ｐゴシック" panose="020B0600070205080204" pitchFamily="50" charset="-128"/>
                  <a:ea typeface="ＭＳ Ｐゴシック" panose="020B0600070205080204" pitchFamily="50" charset="-128"/>
                </a:rPr>
                <a:t>1</a:t>
              </a:r>
              <a:r>
                <a:rPr kumimoji="1" lang="ja-JP" altLang="en-US" sz="800">
                  <a:solidFill>
                    <a:schemeClr val="tx1"/>
                  </a:solidFill>
                  <a:latin typeface="ＭＳ Ｐゴシック" panose="020B0600070205080204" pitchFamily="50" charset="-128"/>
                  <a:ea typeface="ＭＳ Ｐゴシック" panose="020B0600070205080204" pitchFamily="50" charset="-128"/>
                </a:rPr>
                <a:t>～</a:t>
              </a:r>
              <a:r>
                <a:rPr kumimoji="1" lang="en-US" altLang="ja-JP" sz="800">
                  <a:solidFill>
                    <a:schemeClr val="tx1"/>
                  </a:solidFill>
                  <a:latin typeface="ＭＳ Ｐゴシック" panose="020B0600070205080204" pitchFamily="50" charset="-128"/>
                  <a:ea typeface="ＭＳ Ｐゴシック" panose="020B0600070205080204" pitchFamily="50" charset="-128"/>
                </a:rPr>
                <a:t>6,10</a:t>
              </a:r>
              <a:r>
                <a:rPr kumimoji="1" lang="ja-JP" altLang="en-US" sz="800">
                  <a:solidFill>
                    <a:schemeClr val="tx1"/>
                  </a:solidFill>
                  <a:latin typeface="ＭＳ Ｐゴシック" panose="020B0600070205080204" pitchFamily="50" charset="-128"/>
                  <a:ea typeface="ＭＳ Ｐゴシック" panose="020B0600070205080204" pitchFamily="50" charset="-128"/>
                </a:rPr>
                <a:t>にも回答している者は含まない</a:t>
              </a:r>
            </a:p>
            <a:p>
              <a:endParaRPr kumimoji="1" lang="en-US" altLang="ja-JP" sz="800">
                <a:solidFill>
                  <a:schemeClr val="tx1"/>
                </a:solidFill>
                <a:latin typeface="ＭＳ Ｐゴシック" panose="020B0600070205080204" pitchFamily="50" charset="-128"/>
                <a:ea typeface="ＭＳ Ｐゴシック" panose="020B0600070205080204" pitchFamily="50" charset="-128"/>
              </a:endParaRPr>
            </a:p>
          </xdr:txBody>
        </xdr:sp>
        <xdr:cxnSp macro="">
          <xdr:nvCxnSpPr>
            <xdr:cNvPr id="10" name="コネクタ: カギ線 9">
              <a:extLst>
                <a:ext uri="{FF2B5EF4-FFF2-40B4-BE49-F238E27FC236}">
                  <a16:creationId xmlns:a16="http://schemas.microsoft.com/office/drawing/2014/main" id="{E00A59FA-86F6-4BB1-86E9-0EAADC469721}"/>
                </a:ext>
              </a:extLst>
            </xdr:cNvPr>
            <xdr:cNvCxnSpPr>
              <a:cxnSpLocks/>
              <a:stCxn id="6" idx="2"/>
              <a:endCxn id="7" idx="0"/>
            </xdr:cNvCxnSpPr>
          </xdr:nvCxnSpPr>
          <xdr:spPr>
            <a:xfrm rot="5400000">
              <a:off x="2151568" y="1946721"/>
              <a:ext cx="779461" cy="1692684"/>
            </a:xfrm>
            <a:prstGeom prst="bentConnector3">
              <a:avLst/>
            </a:prstGeom>
            <a:ln>
              <a:tailEnd type="triangle"/>
            </a:ln>
          </xdr:spPr>
          <xdr:style>
            <a:lnRef idx="2">
              <a:schemeClr val="dk1"/>
            </a:lnRef>
            <a:fillRef idx="0">
              <a:schemeClr val="dk1"/>
            </a:fillRef>
            <a:effectRef idx="1">
              <a:schemeClr val="dk1"/>
            </a:effectRef>
            <a:fontRef idx="minor">
              <a:schemeClr val="tx1"/>
            </a:fontRef>
          </xdr:style>
        </xdr:cxnSp>
        <xdr:sp macro="" textlink="">
          <xdr:nvSpPr>
            <xdr:cNvPr id="11" name="正方形/長方形 10">
              <a:extLst>
                <a:ext uri="{FF2B5EF4-FFF2-40B4-BE49-F238E27FC236}">
                  <a16:creationId xmlns:a16="http://schemas.microsoft.com/office/drawing/2014/main" id="{0D6039F4-58B2-41F6-8DEF-62B6FBF72870}"/>
                </a:ext>
              </a:extLst>
            </xdr:cNvPr>
            <xdr:cNvSpPr/>
          </xdr:nvSpPr>
          <xdr:spPr>
            <a:xfrm>
              <a:off x="10036" y="5703582"/>
              <a:ext cx="3388187" cy="1011968"/>
            </a:xfrm>
            <a:prstGeom prst="rect">
              <a:avLst/>
            </a:prstGeom>
            <a:solidFill>
              <a:schemeClr val="bg1"/>
            </a:solidFill>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400" b="1">
                  <a:latin typeface="ＭＳ Ｐゴシック" panose="020B0600070205080204" pitchFamily="50" charset="-128"/>
                  <a:ea typeface="ＭＳ Ｐゴシック" panose="020B0600070205080204" pitchFamily="50" charset="-128"/>
                </a:rPr>
                <a:t>上記の状態は６ヵ月以上持続</a:t>
              </a:r>
              <a:endParaRPr kumimoji="1" lang="en-US" altLang="ja-JP" sz="1400" b="1">
                <a:latin typeface="ＭＳ Ｐゴシック" panose="020B0600070205080204" pitchFamily="50" charset="-128"/>
                <a:ea typeface="ＭＳ Ｐゴシック" panose="020B0600070205080204" pitchFamily="50" charset="-128"/>
              </a:endParaRPr>
            </a:p>
          </xdr:txBody>
        </xdr:sp>
        <xdr:sp macro="" textlink="">
          <xdr:nvSpPr>
            <xdr:cNvPr id="12" name="テキスト ボックス 9">
              <a:extLst>
                <a:ext uri="{FF2B5EF4-FFF2-40B4-BE49-F238E27FC236}">
                  <a16:creationId xmlns:a16="http://schemas.microsoft.com/office/drawing/2014/main" id="{9B718197-815B-4074-AB60-0E10CC329D42}"/>
                </a:ext>
              </a:extLst>
            </xdr:cNvPr>
            <xdr:cNvSpPr txBox="1"/>
          </xdr:nvSpPr>
          <xdr:spPr>
            <a:xfrm>
              <a:off x="177837" y="3892948"/>
              <a:ext cx="3212075" cy="445616"/>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若者（満</a:t>
              </a:r>
              <a:r>
                <a:rPr kumimoji="1" lang="en-US" altLang="ja-JP" sz="1050" b="1">
                  <a:latin typeface="ＭＳ Ｐゴシック" panose="020B0600070205080204" pitchFamily="50" charset="-128"/>
                  <a:ea typeface="ＭＳ Ｐゴシック" panose="020B0600070205080204" pitchFamily="50" charset="-128"/>
                </a:rPr>
                <a:t>15</a:t>
              </a:r>
              <a:r>
                <a:rPr kumimoji="1" lang="ja-JP" altLang="en-US" sz="1050" b="1">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7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89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3" name="テキスト ボックス 10">
              <a:extLst>
                <a:ext uri="{FF2B5EF4-FFF2-40B4-BE49-F238E27FC236}">
                  <a16:creationId xmlns:a16="http://schemas.microsoft.com/office/drawing/2014/main" id="{518E13C4-490A-4446-865B-4D22502C51E8}"/>
                </a:ext>
              </a:extLst>
            </xdr:cNvPr>
            <xdr:cNvSpPr txBox="1"/>
          </xdr:nvSpPr>
          <xdr:spPr>
            <a:xfrm>
              <a:off x="1934634" y="1824055"/>
              <a:ext cx="4389055" cy="445615"/>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子ども・若者（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139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398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4" name="テキスト ボックス 12">
              <a:extLst>
                <a:ext uri="{FF2B5EF4-FFF2-40B4-BE49-F238E27FC236}">
                  <a16:creationId xmlns:a16="http://schemas.microsoft.com/office/drawing/2014/main" id="{93DBFC3B-D668-45BD-BBE3-A50E4517624E}"/>
                </a:ext>
              </a:extLst>
            </xdr:cNvPr>
            <xdr:cNvSpPr txBox="1"/>
          </xdr:nvSpPr>
          <xdr:spPr>
            <a:xfrm>
              <a:off x="90984" y="6116772"/>
              <a:ext cx="3215824" cy="445616"/>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若者</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3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74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5" name="テキスト ボックス 13">
              <a:extLst>
                <a:ext uri="{FF2B5EF4-FFF2-40B4-BE49-F238E27FC236}">
                  <a16:creationId xmlns:a16="http://schemas.microsoft.com/office/drawing/2014/main" id="{6598B085-A504-4528-910F-0ADE26CED4C7}"/>
                </a:ext>
              </a:extLst>
            </xdr:cNvPr>
            <xdr:cNvSpPr txBox="1"/>
          </xdr:nvSpPr>
          <xdr:spPr>
            <a:xfrm>
              <a:off x="220973" y="9720509"/>
              <a:ext cx="3326836" cy="485908"/>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若者（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 28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34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6" name="正方形/長方形 15">
              <a:extLst>
                <a:ext uri="{FF2B5EF4-FFF2-40B4-BE49-F238E27FC236}">
                  <a16:creationId xmlns:a16="http://schemas.microsoft.com/office/drawing/2014/main" id="{F973597E-DCD8-4F6F-A87C-B7F7A6EB1FDD}"/>
                </a:ext>
              </a:extLst>
            </xdr:cNvPr>
            <xdr:cNvSpPr/>
          </xdr:nvSpPr>
          <xdr:spPr>
            <a:xfrm>
              <a:off x="3507910" y="9321758"/>
              <a:ext cx="3389019" cy="1015336"/>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400" b="1">
                  <a:latin typeface="ＭＳ Ｐゴシック" panose="020B0600070205080204" pitchFamily="50" charset="-128"/>
                  <a:ea typeface="ＭＳ Ｐゴシック" panose="020B0600070205080204" pitchFamily="50" charset="-128"/>
                </a:rPr>
                <a:t>ひきこもり群以外</a:t>
              </a:r>
            </a:p>
          </xdr:txBody>
        </xdr:sp>
        <xdr:sp macro="" textlink="">
          <xdr:nvSpPr>
            <xdr:cNvPr id="17" name="テキスト ボックス 20">
              <a:extLst>
                <a:ext uri="{FF2B5EF4-FFF2-40B4-BE49-F238E27FC236}">
                  <a16:creationId xmlns:a16="http://schemas.microsoft.com/office/drawing/2014/main" id="{58ED7570-A782-4D79-BF39-BECA96C983BC}"/>
                </a:ext>
              </a:extLst>
            </xdr:cNvPr>
            <xdr:cNvSpPr txBox="1"/>
          </xdr:nvSpPr>
          <xdr:spPr>
            <a:xfrm>
              <a:off x="3595409" y="9730231"/>
              <a:ext cx="3401246" cy="445615"/>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若者（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 1111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1364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18" name="正方形/長方形 17">
              <a:extLst>
                <a:ext uri="{FF2B5EF4-FFF2-40B4-BE49-F238E27FC236}">
                  <a16:creationId xmlns:a16="http://schemas.microsoft.com/office/drawing/2014/main" id="{E7E4A146-F216-4828-8ACB-A4F835B8CE1F}"/>
                </a:ext>
              </a:extLst>
            </xdr:cNvPr>
            <xdr:cNvSpPr/>
          </xdr:nvSpPr>
          <xdr:spPr>
            <a:xfrm>
              <a:off x="1845451" y="4624600"/>
              <a:ext cx="3189935" cy="916798"/>
            </a:xfrm>
            <a:prstGeom prst="rect">
              <a:avLst/>
            </a:prstGeom>
          </xdr:spPr>
          <xdr:style>
            <a:lnRef idx="2">
              <a:schemeClr val="dk1"/>
            </a:lnRef>
            <a:fillRef idx="1">
              <a:schemeClr val="lt1"/>
            </a:fillRef>
            <a:effectRef idx="0">
              <a:schemeClr val="dk1"/>
            </a:effectRef>
            <a:fontRef idx="minor">
              <a:schemeClr val="dk1"/>
            </a:fontRef>
          </xdr:style>
          <xdr:txBody>
            <a:bodyPr wrap="square" rtlCol="0" anchor="t"/>
            <a:lstStyle>
              <a:defPPr>
                <a:defRPr lang="en-US"/>
              </a:defPPr>
              <a:lvl1pPr marL="0" algn="l" defTabSz="457200" rtl="0" eaLnBrk="1" latinLnBrk="0" hangingPunct="1">
                <a:defRPr sz="1800" kern="1200">
                  <a:solidFill>
                    <a:schemeClr val="dk1"/>
                  </a:solidFill>
                  <a:latin typeface="+mn-lt"/>
                  <a:ea typeface="+mn-ea"/>
                  <a:cs typeface="+mn-cs"/>
                </a:defRPr>
              </a:lvl1pPr>
              <a:lvl2pPr marL="457200" algn="l" defTabSz="457200" rtl="0" eaLnBrk="1" latinLnBrk="0" hangingPunct="1">
                <a:defRPr sz="1800" kern="1200">
                  <a:solidFill>
                    <a:schemeClr val="dk1"/>
                  </a:solidFill>
                  <a:latin typeface="+mn-lt"/>
                  <a:ea typeface="+mn-ea"/>
                  <a:cs typeface="+mn-cs"/>
                </a:defRPr>
              </a:lvl2pPr>
              <a:lvl3pPr marL="914400" algn="l" defTabSz="457200" rtl="0" eaLnBrk="1" latinLnBrk="0" hangingPunct="1">
                <a:defRPr sz="1800" kern="1200">
                  <a:solidFill>
                    <a:schemeClr val="dk1"/>
                  </a:solidFill>
                  <a:latin typeface="+mn-lt"/>
                  <a:ea typeface="+mn-ea"/>
                  <a:cs typeface="+mn-cs"/>
                </a:defRPr>
              </a:lvl3pPr>
              <a:lvl4pPr marL="1371600" algn="l" defTabSz="457200" rtl="0" eaLnBrk="1" latinLnBrk="0" hangingPunct="1">
                <a:defRPr sz="1800" kern="1200">
                  <a:solidFill>
                    <a:schemeClr val="dk1"/>
                  </a:solidFill>
                  <a:latin typeface="+mn-lt"/>
                  <a:ea typeface="+mn-ea"/>
                  <a:cs typeface="+mn-cs"/>
                </a:defRPr>
              </a:lvl4pPr>
              <a:lvl5pPr marL="1828800" algn="l" defTabSz="457200" rtl="0" eaLnBrk="1" latinLnBrk="0" hangingPunct="1">
                <a:defRPr sz="1800" kern="1200">
                  <a:solidFill>
                    <a:schemeClr val="dk1"/>
                  </a:solidFill>
                  <a:latin typeface="+mn-lt"/>
                  <a:ea typeface="+mn-ea"/>
                  <a:cs typeface="+mn-cs"/>
                </a:defRPr>
              </a:lvl5pPr>
              <a:lvl6pPr marL="2286000" algn="l" defTabSz="457200" rtl="0" eaLnBrk="1" latinLnBrk="0" hangingPunct="1">
                <a:defRPr sz="1800" kern="1200">
                  <a:solidFill>
                    <a:schemeClr val="dk1"/>
                  </a:solidFill>
                  <a:latin typeface="+mn-lt"/>
                  <a:ea typeface="+mn-ea"/>
                  <a:cs typeface="+mn-cs"/>
                </a:defRPr>
              </a:lvl6pPr>
              <a:lvl7pPr marL="2743200" algn="l" defTabSz="457200" rtl="0" eaLnBrk="1" latinLnBrk="0" hangingPunct="1">
                <a:defRPr sz="1800" kern="1200">
                  <a:solidFill>
                    <a:schemeClr val="dk1"/>
                  </a:solidFill>
                  <a:latin typeface="+mn-lt"/>
                  <a:ea typeface="+mn-ea"/>
                  <a:cs typeface="+mn-cs"/>
                </a:defRPr>
              </a:lvl7pPr>
              <a:lvl8pPr marL="3200400" algn="l" defTabSz="457200" rtl="0" eaLnBrk="1" latinLnBrk="0" hangingPunct="1">
                <a:defRPr sz="1800" kern="1200">
                  <a:solidFill>
                    <a:schemeClr val="dk1"/>
                  </a:solidFill>
                  <a:latin typeface="+mn-lt"/>
                  <a:ea typeface="+mn-ea"/>
                  <a:cs typeface="+mn-cs"/>
                </a:defRPr>
              </a:lvl8pPr>
              <a:lvl9pPr marL="3657600" algn="l" defTabSz="457200" rtl="0" eaLnBrk="1" latinLnBrk="0" hangingPunct="1">
                <a:defRPr sz="1800" kern="1200">
                  <a:solidFill>
                    <a:schemeClr val="dk1"/>
                  </a:solidFill>
                  <a:latin typeface="+mn-lt"/>
                  <a:ea typeface="+mn-ea"/>
                  <a:cs typeface="+mn-cs"/>
                </a:defRPr>
              </a:lvl9pPr>
            </a:lstStyle>
            <a:p>
              <a:pPr algn="ctr"/>
              <a:r>
                <a:rPr kumimoji="1" lang="ja-JP" altLang="en-US" sz="1400" b="1">
                  <a:latin typeface="ＭＳ Ｐゴシック" panose="020B0600070205080204" pitchFamily="50" charset="-128"/>
                  <a:ea typeface="ＭＳ Ｐゴシック" panose="020B0600070205080204" pitchFamily="50" charset="-128"/>
                </a:rPr>
                <a:t>６ヵ月未満</a:t>
              </a:r>
            </a:p>
          </xdr:txBody>
        </xdr:sp>
        <xdr:sp macro="" textlink="">
          <xdr:nvSpPr>
            <xdr:cNvPr id="19" name="テキスト ボックス 23">
              <a:extLst>
                <a:ext uri="{FF2B5EF4-FFF2-40B4-BE49-F238E27FC236}">
                  <a16:creationId xmlns:a16="http://schemas.microsoft.com/office/drawing/2014/main" id="{2D8F6998-F1D1-48A5-9676-4172A75AD1BC}"/>
                </a:ext>
              </a:extLst>
            </xdr:cNvPr>
            <xdr:cNvSpPr txBox="1"/>
          </xdr:nvSpPr>
          <xdr:spPr>
            <a:xfrm>
              <a:off x="1819041" y="5002458"/>
              <a:ext cx="3282826" cy="459198"/>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若者（満</a:t>
              </a:r>
              <a:r>
                <a:rPr kumimoji="1" lang="en-US" altLang="ja-JP" sz="1050" b="1">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 </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sp macro="" textlink="">
          <xdr:nvSpPr>
            <xdr:cNvPr id="20" name="テキスト ボックス 34">
              <a:extLst>
                <a:ext uri="{FF2B5EF4-FFF2-40B4-BE49-F238E27FC236}">
                  <a16:creationId xmlns:a16="http://schemas.microsoft.com/office/drawing/2014/main" id="{150F989B-B2F1-4AAF-BF8D-EBACF0FA7302}"/>
                </a:ext>
              </a:extLst>
            </xdr:cNvPr>
            <xdr:cNvSpPr txBox="1"/>
          </xdr:nvSpPr>
          <xdr:spPr>
            <a:xfrm>
              <a:off x="1778119" y="8372292"/>
              <a:ext cx="3332061" cy="435917"/>
            </a:xfrm>
            <a:prstGeom prst="rect">
              <a:avLst/>
            </a:prstGeom>
            <a:noFill/>
          </xdr:spPr>
          <xdr:txBody>
            <a:bodyPr wrap="square" rtlCol="0">
              <a:no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kumimoji="1" lang="ja-JP" altLang="en-US" sz="1050" b="1">
                  <a:latin typeface="ＭＳ Ｐゴシック" panose="020B0600070205080204" pitchFamily="50" charset="-128"/>
                  <a:ea typeface="ＭＳ Ｐゴシック" panose="020B0600070205080204" pitchFamily="50" charset="-128"/>
                </a:rPr>
                <a:t>子ども・若者</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39</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 n= </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15</a:t>
              </a:r>
            </a:p>
            <a:p>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成人（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40</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から満</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64</a:t>
              </a:r>
              <a:r>
                <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rPr>
                <a:t>歳） ：</a:t>
              </a:r>
              <a:r>
                <a:rPr kumimoji="1" lang="en-US" altLang="ja-JP" sz="1050" b="1">
                  <a:solidFill>
                    <a:sysClr val="windowText" lastClr="000000"/>
                  </a:solidFill>
                  <a:latin typeface="ＭＳ Ｐゴシック" panose="020B0600070205080204" pitchFamily="50" charset="-128"/>
                  <a:ea typeface="ＭＳ Ｐゴシック" panose="020B0600070205080204" pitchFamily="50" charset="-128"/>
                </a:rPr>
                <a:t>n= 40    </a:t>
              </a:r>
              <a:endParaRPr kumimoji="1" lang="ja-JP" altLang="en-US" sz="1050" b="1">
                <a:solidFill>
                  <a:sysClr val="windowText" lastClr="000000"/>
                </a:solidFill>
                <a:latin typeface="ＭＳ Ｐゴシック" panose="020B0600070205080204" pitchFamily="50" charset="-128"/>
                <a:ea typeface="ＭＳ Ｐゴシック" panose="020B0600070205080204" pitchFamily="50" charset="-128"/>
              </a:endParaRPr>
            </a:p>
          </xdr:txBody>
        </xdr:sp>
        <xdr:cxnSp macro="">
          <xdr:nvCxnSpPr>
            <xdr:cNvPr id="21" name="直線矢印コネクタ 20">
              <a:extLst>
                <a:ext uri="{FF2B5EF4-FFF2-40B4-BE49-F238E27FC236}">
                  <a16:creationId xmlns:a16="http://schemas.microsoft.com/office/drawing/2014/main" id="{FCA826CE-53DC-44FD-9CBB-A7EF7CFC840E}"/>
                </a:ext>
              </a:extLst>
            </xdr:cNvPr>
            <xdr:cNvCxnSpPr>
              <a:stCxn id="7" idx="2"/>
              <a:endCxn id="11" idx="0"/>
            </xdr:cNvCxnSpPr>
          </xdr:nvCxnSpPr>
          <xdr:spPr>
            <a:xfrm>
              <a:off x="1694956" y="4523768"/>
              <a:ext cx="9173" cy="1179814"/>
            </a:xfrm>
            <a:prstGeom prst="straightConnector1">
              <a:avLst/>
            </a:prstGeom>
            <a:ln>
              <a:tailEnd type="triangle"/>
            </a:ln>
          </xdr:spPr>
          <xdr:style>
            <a:lnRef idx="2">
              <a:schemeClr val="dk1"/>
            </a:lnRef>
            <a:fillRef idx="0">
              <a:schemeClr val="dk1"/>
            </a:fillRef>
            <a:effectRef idx="1">
              <a:schemeClr val="dk1"/>
            </a:effectRef>
            <a:fontRef idx="minor">
              <a:schemeClr val="tx1"/>
            </a:fontRef>
          </xdr:style>
        </xdr:cxnSp>
        <xdr:cxnSp macro="">
          <xdr:nvCxnSpPr>
            <xdr:cNvPr id="22" name="直線矢印コネクタ 21">
              <a:extLst>
                <a:ext uri="{FF2B5EF4-FFF2-40B4-BE49-F238E27FC236}">
                  <a16:creationId xmlns:a16="http://schemas.microsoft.com/office/drawing/2014/main" id="{ADBBC73C-FB21-4506-89B8-C814098231AE}"/>
                </a:ext>
              </a:extLst>
            </xdr:cNvPr>
            <xdr:cNvCxnSpPr>
              <a:stCxn id="11" idx="2"/>
              <a:endCxn id="8" idx="0"/>
            </xdr:cNvCxnSpPr>
          </xdr:nvCxnSpPr>
          <xdr:spPr>
            <a:xfrm>
              <a:off x="1704130" y="6715551"/>
              <a:ext cx="7447" cy="2608765"/>
            </a:xfrm>
            <a:prstGeom prst="straightConnector1">
              <a:avLst/>
            </a:prstGeom>
            <a:ln>
              <a:tailEnd type="triangle"/>
            </a:ln>
          </xdr:spPr>
          <xdr:style>
            <a:lnRef idx="2">
              <a:schemeClr val="dk1"/>
            </a:lnRef>
            <a:fillRef idx="0">
              <a:schemeClr val="dk1"/>
            </a:fillRef>
            <a:effectRef idx="1">
              <a:schemeClr val="dk1"/>
            </a:effectRef>
            <a:fontRef idx="minor">
              <a:schemeClr val="tx1"/>
            </a:fontRef>
          </xdr:style>
        </xdr:cxnSp>
        <xdr:cxnSp macro="">
          <xdr:nvCxnSpPr>
            <xdr:cNvPr id="23" name="コネクタ: カギ線 22">
              <a:extLst>
                <a:ext uri="{FF2B5EF4-FFF2-40B4-BE49-F238E27FC236}">
                  <a16:creationId xmlns:a16="http://schemas.microsoft.com/office/drawing/2014/main" id="{E8A07AE1-3A91-4742-8451-07E5B50E32F0}"/>
                </a:ext>
              </a:extLst>
            </xdr:cNvPr>
            <xdr:cNvCxnSpPr>
              <a:cxnSpLocks/>
              <a:stCxn id="11" idx="2"/>
              <a:endCxn id="9" idx="1"/>
            </xdr:cNvCxnSpPr>
          </xdr:nvCxnSpPr>
          <xdr:spPr>
            <a:xfrm rot="16200000" flipH="1">
              <a:off x="1208919" y="7210760"/>
              <a:ext cx="1146655" cy="156235"/>
            </a:xfrm>
            <a:prstGeom prst="bentConnector2">
              <a:avLst/>
            </a:prstGeom>
            <a:ln>
              <a:tailEnd type="triangle"/>
            </a:ln>
          </xdr:spPr>
          <xdr:style>
            <a:lnRef idx="2">
              <a:schemeClr val="dk1"/>
            </a:lnRef>
            <a:fillRef idx="0">
              <a:schemeClr val="dk1"/>
            </a:fillRef>
            <a:effectRef idx="1">
              <a:schemeClr val="dk1"/>
            </a:effectRef>
            <a:fontRef idx="minor">
              <a:schemeClr val="tx1"/>
            </a:fontRef>
          </xdr:style>
        </xdr:cxnSp>
        <xdr:cxnSp macro="">
          <xdr:nvCxnSpPr>
            <xdr:cNvPr id="24" name="コネクタ: カギ線 23">
              <a:extLst>
                <a:ext uri="{FF2B5EF4-FFF2-40B4-BE49-F238E27FC236}">
                  <a16:creationId xmlns:a16="http://schemas.microsoft.com/office/drawing/2014/main" id="{CA071527-0F32-4D61-BBAB-E8A9935B5AE0}"/>
                </a:ext>
              </a:extLst>
            </xdr:cNvPr>
            <xdr:cNvCxnSpPr>
              <a:stCxn id="7" idx="2"/>
              <a:endCxn id="18" idx="1"/>
            </xdr:cNvCxnSpPr>
          </xdr:nvCxnSpPr>
          <xdr:spPr>
            <a:xfrm rot="16200000" flipH="1">
              <a:off x="1490588" y="4728136"/>
              <a:ext cx="559232" cy="150494"/>
            </a:xfrm>
            <a:prstGeom prst="bentConnector2">
              <a:avLst/>
            </a:prstGeom>
            <a:ln>
              <a:tailEnd type="triangle"/>
            </a:ln>
          </xdr:spPr>
          <xdr:style>
            <a:lnRef idx="2">
              <a:schemeClr val="dk1"/>
            </a:lnRef>
            <a:fillRef idx="0">
              <a:schemeClr val="dk1"/>
            </a:fillRef>
            <a:effectRef idx="1">
              <a:schemeClr val="dk1"/>
            </a:effectRef>
            <a:fontRef idx="minor">
              <a:schemeClr val="tx1"/>
            </a:fontRef>
          </xdr:style>
        </xdr:cxnSp>
        <xdr:pic>
          <xdr:nvPicPr>
            <xdr:cNvPr id="25" name="図 24">
              <a:extLst>
                <a:ext uri="{FF2B5EF4-FFF2-40B4-BE49-F238E27FC236}">
                  <a16:creationId xmlns:a16="http://schemas.microsoft.com/office/drawing/2014/main" id="{5330A1D4-8E73-4B19-B683-BF8AFCA10697}"/>
                </a:ext>
              </a:extLst>
            </xdr:cNvPr>
            <xdr:cNvPicPr>
              <a:picLocks noChangeAspect="1"/>
            </xdr:cNvPicPr>
          </xdr:nvPicPr>
          <xdr:blipFill>
            <a:blip xmlns:r="http://schemas.openxmlformats.org/officeDocument/2006/relationships" r:embed="rId1"/>
            <a:stretch>
              <a:fillRect/>
            </a:stretch>
          </xdr:blipFill>
          <xdr:spPr>
            <a:xfrm>
              <a:off x="3380508" y="2400314"/>
              <a:ext cx="1970676" cy="6984741"/>
            </a:xfrm>
            <a:prstGeom prst="rect">
              <a:avLst/>
            </a:prstGeom>
          </xdr:spPr>
        </xdr:pic>
      </xdr:grpSp>
      <xdr:cxnSp macro="">
        <xdr:nvCxnSpPr>
          <xdr:cNvPr id="5" name="直線矢印コネクタ 4">
            <a:extLst>
              <a:ext uri="{FF2B5EF4-FFF2-40B4-BE49-F238E27FC236}">
                <a16:creationId xmlns:a16="http://schemas.microsoft.com/office/drawing/2014/main" id="{AA6E64BD-F5A4-4E5F-9DA6-65DD6E5918AB}"/>
              </a:ext>
            </a:extLst>
          </xdr:cNvPr>
          <xdr:cNvCxnSpPr/>
        </xdr:nvCxnSpPr>
        <xdr:spPr>
          <a:xfrm flipV="1">
            <a:off x="5002142" y="7906008"/>
            <a:ext cx="232694" cy="1"/>
          </a:xfrm>
          <a:prstGeom prst="straightConnector1">
            <a:avLst/>
          </a:prstGeom>
          <a:ln>
            <a:tailEnd type="triangle"/>
          </a:ln>
        </xdr:spPr>
        <xdr:style>
          <a:lnRef idx="2">
            <a:schemeClr val="dk1"/>
          </a:lnRef>
          <a:fillRef idx="0">
            <a:schemeClr val="dk1"/>
          </a:fillRef>
          <a:effectRef idx="1">
            <a:schemeClr val="dk1"/>
          </a:effectRef>
          <a:fontRef idx="minor">
            <a:schemeClr val="tx1"/>
          </a:fontRef>
        </xdr:style>
      </xdr:cxnSp>
      <xdr:cxnSp macro="">
        <xdr:nvCxnSpPr>
          <xdr:cNvPr id="30" name="直線矢印コネクタ 29">
            <a:extLst>
              <a:ext uri="{FF2B5EF4-FFF2-40B4-BE49-F238E27FC236}">
                <a16:creationId xmlns:a16="http://schemas.microsoft.com/office/drawing/2014/main" id="{9CA3BF13-DF9A-4489-AA25-94D39D6BFE5D}"/>
              </a:ext>
            </a:extLst>
          </xdr:cNvPr>
          <xdr:cNvCxnSpPr/>
        </xdr:nvCxnSpPr>
        <xdr:spPr>
          <a:xfrm flipV="1">
            <a:off x="5027073" y="5074504"/>
            <a:ext cx="232694" cy="1"/>
          </a:xfrm>
          <a:prstGeom prst="straightConnector1">
            <a:avLst/>
          </a:prstGeom>
          <a:ln>
            <a:tailEnd type="triangle"/>
          </a:ln>
        </xdr:spPr>
        <xdr:style>
          <a:lnRef idx="2">
            <a:schemeClr val="dk1"/>
          </a:lnRef>
          <a:fillRef idx="0">
            <a:schemeClr val="dk1"/>
          </a:fillRef>
          <a:effectRef idx="1">
            <a:schemeClr val="dk1"/>
          </a:effectRef>
          <a:fontRef idx="minor">
            <a:schemeClr val="tx1"/>
          </a:fontRef>
        </xdr:style>
      </xdr:cxn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4:V46"/>
  <sheetViews>
    <sheetView tabSelected="1" zoomScaleNormal="100" workbookViewId="0"/>
  </sheetViews>
  <sheetFormatPr defaultColWidth="3.625" defaultRowHeight="13.5" x14ac:dyDescent="0.4"/>
  <cols>
    <col min="1" max="16384" width="3.625" style="1"/>
  </cols>
  <sheetData>
    <row r="14" spans="1:22" ht="28.5" x14ac:dyDescent="0.4">
      <c r="A14" s="65" t="s">
        <v>99</v>
      </c>
      <c r="B14" s="65"/>
      <c r="C14" s="65"/>
      <c r="D14" s="65"/>
      <c r="E14" s="65"/>
      <c r="F14" s="65"/>
      <c r="G14" s="65"/>
      <c r="H14" s="65"/>
      <c r="I14" s="65"/>
      <c r="J14" s="65"/>
      <c r="K14" s="65"/>
      <c r="L14" s="65"/>
      <c r="M14" s="65"/>
      <c r="N14" s="65"/>
      <c r="O14" s="65"/>
      <c r="P14" s="65"/>
      <c r="Q14" s="65"/>
      <c r="R14" s="65"/>
      <c r="S14" s="65"/>
      <c r="T14" s="65"/>
      <c r="U14" s="65"/>
      <c r="V14" s="65"/>
    </row>
    <row r="16" spans="1:22" ht="28.5" x14ac:dyDescent="0.4">
      <c r="A16" s="65" t="s">
        <v>101</v>
      </c>
      <c r="B16" s="65"/>
      <c r="C16" s="65"/>
      <c r="D16" s="65"/>
      <c r="E16" s="65"/>
      <c r="F16" s="65"/>
      <c r="G16" s="65"/>
      <c r="H16" s="65"/>
      <c r="I16" s="65"/>
      <c r="J16" s="65"/>
      <c r="K16" s="65"/>
      <c r="L16" s="65"/>
      <c r="M16" s="65"/>
      <c r="N16" s="65"/>
      <c r="O16" s="65"/>
      <c r="P16" s="65"/>
      <c r="Q16" s="65"/>
      <c r="R16" s="65"/>
      <c r="S16" s="65"/>
      <c r="T16" s="65"/>
      <c r="U16" s="65"/>
      <c r="V16" s="65"/>
    </row>
    <row r="42" spans="1:22" ht="28.5" x14ac:dyDescent="0.4">
      <c r="A42" s="65" t="s">
        <v>172</v>
      </c>
      <c r="B42" s="65"/>
      <c r="C42" s="65"/>
      <c r="D42" s="65"/>
      <c r="E42" s="65"/>
      <c r="F42" s="65"/>
      <c r="G42" s="65"/>
      <c r="H42" s="65"/>
      <c r="I42" s="65"/>
      <c r="J42" s="65"/>
      <c r="K42" s="65"/>
      <c r="L42" s="65"/>
      <c r="M42" s="65"/>
      <c r="N42" s="65"/>
      <c r="O42" s="65"/>
      <c r="P42" s="65"/>
      <c r="Q42" s="65"/>
      <c r="R42" s="65"/>
      <c r="S42" s="65"/>
      <c r="T42" s="65"/>
      <c r="U42" s="65"/>
      <c r="V42" s="65"/>
    </row>
    <row r="46" spans="1:22" ht="28.5" x14ac:dyDescent="0.4">
      <c r="A46" s="65" t="s">
        <v>103</v>
      </c>
      <c r="B46" s="65"/>
      <c r="C46" s="65"/>
      <c r="D46" s="65"/>
      <c r="E46" s="65"/>
      <c r="F46" s="65"/>
      <c r="G46" s="65"/>
      <c r="H46" s="65"/>
      <c r="I46" s="65" t="s">
        <v>102</v>
      </c>
      <c r="J46" s="65"/>
      <c r="K46" s="65"/>
      <c r="L46" s="65"/>
      <c r="M46" s="65"/>
      <c r="N46" s="65"/>
      <c r="O46" s="65"/>
      <c r="P46" s="65"/>
      <c r="Q46" s="65"/>
      <c r="R46" s="65"/>
      <c r="S46" s="65"/>
      <c r="T46" s="65"/>
      <c r="U46" s="65"/>
      <c r="V46" s="65"/>
    </row>
  </sheetData>
  <mergeCells count="4">
    <mergeCell ref="A14:V14"/>
    <mergeCell ref="A16:V16"/>
    <mergeCell ref="A42:V42"/>
    <mergeCell ref="A46:V46"/>
  </mergeCells>
  <phoneticPr fontId="2"/>
  <pageMargins left="0.7" right="0.7" top="0.75" bottom="0.75" header="0.3" footer="0.3"/>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C1:O63"/>
  <sheetViews>
    <sheetView zoomScaleNormal="100" workbookViewId="0"/>
  </sheetViews>
  <sheetFormatPr defaultColWidth="3.625" defaultRowHeight="19.5" customHeight="1" x14ac:dyDescent="0.4"/>
  <cols>
    <col min="1" max="1" width="2" style="1" customWidth="1"/>
    <col min="2" max="2" width="3.5" style="1" customWidth="1"/>
    <col min="3" max="5" width="4.25" style="1" customWidth="1"/>
    <col min="6" max="7" width="10.625" style="1" customWidth="1"/>
    <col min="8" max="8" width="7.75" style="1" customWidth="1"/>
    <col min="9" max="9" width="10.625" style="1" customWidth="1"/>
    <col min="10" max="10" width="8.25" style="1" customWidth="1"/>
    <col min="11" max="11" width="11.25" style="1" customWidth="1"/>
    <col min="12" max="12" width="4" style="1" customWidth="1"/>
    <col min="13" max="13" width="7.25" style="1" bestFit="1" customWidth="1"/>
    <col min="14" max="16384" width="3.625" style="1"/>
  </cols>
  <sheetData>
    <row r="1" spans="3:15" ht="19.5" customHeight="1" x14ac:dyDescent="0.4">
      <c r="H1" s="9"/>
      <c r="I1" s="10"/>
      <c r="J1" s="10"/>
    </row>
    <row r="3" spans="3:15" ht="17.25" customHeight="1" x14ac:dyDescent="0.4">
      <c r="C3" s="1" t="s">
        <v>240</v>
      </c>
    </row>
    <row r="4" spans="3:15" ht="19.149999999999999" customHeight="1" x14ac:dyDescent="0.4">
      <c r="F4" s="30" t="s">
        <v>49</v>
      </c>
      <c r="G4" s="13" t="s">
        <v>50</v>
      </c>
      <c r="H4" s="18" t="s">
        <v>95</v>
      </c>
      <c r="I4" s="13" t="s">
        <v>164</v>
      </c>
      <c r="J4" s="18" t="s">
        <v>97</v>
      </c>
      <c r="K4" s="51" t="s">
        <v>165</v>
      </c>
      <c r="L4" s="5"/>
      <c r="M4" s="5"/>
      <c r="N4" s="5"/>
      <c r="O4" s="5"/>
    </row>
    <row r="5" spans="3:15" ht="12" customHeight="1" x14ac:dyDescent="0.4">
      <c r="C5" s="68" t="s">
        <v>68</v>
      </c>
      <c r="D5" s="69"/>
      <c r="E5" s="70"/>
      <c r="F5" s="20">
        <v>47220</v>
      </c>
      <c r="G5" s="14">
        <v>277</v>
      </c>
      <c r="H5" s="19">
        <v>0.59</v>
      </c>
      <c r="I5" s="14">
        <v>55</v>
      </c>
      <c r="J5" s="33">
        <v>19.855595667870034</v>
      </c>
      <c r="K5" s="47">
        <v>39</v>
      </c>
      <c r="L5" s="32"/>
      <c r="M5" s="5"/>
      <c r="N5" s="5"/>
      <c r="O5" s="5"/>
    </row>
    <row r="6" spans="3:15" ht="12" customHeight="1" x14ac:dyDescent="0.4">
      <c r="C6" s="71" t="s">
        <v>69</v>
      </c>
      <c r="D6" s="72"/>
      <c r="E6" s="73"/>
      <c r="F6" s="21">
        <v>31840</v>
      </c>
      <c r="G6" s="15">
        <v>208</v>
      </c>
      <c r="H6" s="16">
        <v>0.65</v>
      </c>
      <c r="I6" s="15">
        <v>76</v>
      </c>
      <c r="J6" s="34">
        <v>36.538461538461533</v>
      </c>
      <c r="K6" s="46">
        <v>59</v>
      </c>
      <c r="L6" s="32"/>
      <c r="M6" s="5"/>
      <c r="N6" s="5"/>
      <c r="O6" s="5"/>
    </row>
    <row r="7" spans="3:15" ht="12" customHeight="1" x14ac:dyDescent="0.4">
      <c r="C7" s="71" t="s">
        <v>70</v>
      </c>
      <c r="D7" s="72"/>
      <c r="E7" s="73"/>
      <c r="F7" s="21">
        <v>26864</v>
      </c>
      <c r="G7" s="15">
        <v>138</v>
      </c>
      <c r="H7" s="16">
        <v>0.51</v>
      </c>
      <c r="I7" s="15">
        <v>49</v>
      </c>
      <c r="J7" s="34">
        <v>35.507246376811594</v>
      </c>
      <c r="K7" s="46">
        <v>26</v>
      </c>
      <c r="L7" s="32"/>
      <c r="M7" s="5"/>
      <c r="N7" s="5"/>
      <c r="O7" s="5"/>
    </row>
    <row r="8" spans="3:15" ht="12" customHeight="1" x14ac:dyDescent="0.4">
      <c r="C8" s="71" t="s">
        <v>71</v>
      </c>
      <c r="D8" s="72"/>
      <c r="E8" s="73"/>
      <c r="F8" s="21">
        <v>17657</v>
      </c>
      <c r="G8" s="15">
        <v>130</v>
      </c>
      <c r="H8" s="16">
        <v>0.74</v>
      </c>
      <c r="I8" s="15">
        <v>35</v>
      </c>
      <c r="J8" s="34">
        <v>26.923076923076923</v>
      </c>
      <c r="K8" s="46">
        <v>36</v>
      </c>
      <c r="L8" s="32"/>
      <c r="M8" s="5"/>
      <c r="N8" s="5"/>
      <c r="O8" s="5"/>
    </row>
    <row r="9" spans="3:15" ht="12" customHeight="1" x14ac:dyDescent="0.4">
      <c r="C9" s="71" t="s">
        <v>72</v>
      </c>
      <c r="D9" s="72"/>
      <c r="E9" s="73"/>
      <c r="F9" s="21">
        <v>40702</v>
      </c>
      <c r="G9" s="15">
        <v>192</v>
      </c>
      <c r="H9" s="16">
        <v>0.47</v>
      </c>
      <c r="I9" s="15">
        <v>57</v>
      </c>
      <c r="J9" s="34">
        <v>29.6875</v>
      </c>
      <c r="K9" s="46">
        <v>33</v>
      </c>
      <c r="L9" s="32"/>
      <c r="M9" s="5"/>
      <c r="N9" s="5"/>
      <c r="O9" s="5"/>
    </row>
    <row r="10" spans="3:15" ht="12" customHeight="1" x14ac:dyDescent="0.4">
      <c r="C10" s="71" t="s">
        <v>73</v>
      </c>
      <c r="D10" s="72"/>
      <c r="E10" s="73"/>
      <c r="F10" s="21">
        <v>39858</v>
      </c>
      <c r="G10" s="15">
        <v>184</v>
      </c>
      <c r="H10" s="16">
        <v>0.46</v>
      </c>
      <c r="I10" s="15">
        <v>49</v>
      </c>
      <c r="J10" s="34">
        <v>26.630434782608699</v>
      </c>
      <c r="K10" s="46">
        <v>31</v>
      </c>
      <c r="L10" s="32"/>
      <c r="M10" s="5"/>
      <c r="N10" s="5"/>
      <c r="O10" s="5"/>
    </row>
    <row r="11" spans="3:15" ht="12" customHeight="1" x14ac:dyDescent="0.4">
      <c r="C11" s="71" t="s">
        <v>74</v>
      </c>
      <c r="D11" s="72"/>
      <c r="E11" s="73"/>
      <c r="F11" s="21">
        <v>23267</v>
      </c>
      <c r="G11" s="15">
        <v>172</v>
      </c>
      <c r="H11" s="16">
        <v>0.74</v>
      </c>
      <c r="I11" s="15">
        <v>49</v>
      </c>
      <c r="J11" s="34">
        <v>28.488372093023255</v>
      </c>
      <c r="K11" s="46">
        <v>38</v>
      </c>
      <c r="L11" s="32"/>
      <c r="M11" s="5"/>
      <c r="N11" s="5"/>
      <c r="O11" s="5"/>
    </row>
    <row r="12" spans="3:15" ht="12" customHeight="1" x14ac:dyDescent="0.4">
      <c r="C12" s="71" t="s">
        <v>75</v>
      </c>
      <c r="D12" s="72"/>
      <c r="E12" s="73"/>
      <c r="F12" s="21">
        <v>16166</v>
      </c>
      <c r="G12" s="15">
        <v>128</v>
      </c>
      <c r="H12" s="16">
        <v>0.79</v>
      </c>
      <c r="I12" s="15">
        <v>35</v>
      </c>
      <c r="J12" s="34">
        <v>27.34375</v>
      </c>
      <c r="K12" s="46">
        <v>26</v>
      </c>
      <c r="L12" s="32"/>
      <c r="M12" s="5"/>
      <c r="N12" s="5"/>
      <c r="O12" s="5"/>
    </row>
    <row r="13" spans="3:15" ht="12" customHeight="1" x14ac:dyDescent="0.4">
      <c r="C13" s="71" t="s">
        <v>76</v>
      </c>
      <c r="D13" s="72"/>
      <c r="E13" s="73"/>
      <c r="F13" s="21">
        <v>24381</v>
      </c>
      <c r="G13" s="15">
        <v>142</v>
      </c>
      <c r="H13" s="16">
        <v>0.57999999999999996</v>
      </c>
      <c r="I13" s="15">
        <v>51</v>
      </c>
      <c r="J13" s="34">
        <v>35.91549295774648</v>
      </c>
      <c r="K13" s="46">
        <v>40</v>
      </c>
      <c r="L13" s="32"/>
      <c r="M13" s="5"/>
      <c r="N13" s="5"/>
      <c r="O13" s="5"/>
    </row>
    <row r="14" spans="3:15" ht="12" customHeight="1" x14ac:dyDescent="0.4">
      <c r="C14" s="71" t="s">
        <v>77</v>
      </c>
      <c r="D14" s="72"/>
      <c r="E14" s="73"/>
      <c r="F14" s="21">
        <v>31790</v>
      </c>
      <c r="G14" s="15">
        <v>134</v>
      </c>
      <c r="H14" s="16">
        <v>0.42</v>
      </c>
      <c r="I14" s="15">
        <v>22</v>
      </c>
      <c r="J14" s="34">
        <v>16.417910447761194</v>
      </c>
      <c r="K14" s="46">
        <v>17</v>
      </c>
      <c r="L14" s="32"/>
      <c r="M14" s="5"/>
      <c r="N14" s="5"/>
      <c r="O14" s="5"/>
    </row>
    <row r="15" spans="3:15" ht="12" customHeight="1" x14ac:dyDescent="0.4">
      <c r="C15" s="71" t="s">
        <v>78</v>
      </c>
      <c r="D15" s="72"/>
      <c r="E15" s="73"/>
      <c r="F15" s="21">
        <v>28276</v>
      </c>
      <c r="G15" s="15">
        <v>192</v>
      </c>
      <c r="H15" s="16">
        <v>0.68</v>
      </c>
      <c r="I15" s="15">
        <v>58</v>
      </c>
      <c r="J15" s="34">
        <v>30.208333333333332</v>
      </c>
      <c r="K15" s="46">
        <v>45</v>
      </c>
      <c r="L15" s="32"/>
      <c r="M15" s="5"/>
      <c r="N15" s="5"/>
      <c r="O15" s="5"/>
    </row>
    <row r="16" spans="3:15" ht="12" customHeight="1" x14ac:dyDescent="0.4">
      <c r="C16" s="71" t="s">
        <v>79</v>
      </c>
      <c r="D16" s="72"/>
      <c r="E16" s="73"/>
      <c r="F16" s="21">
        <v>59807</v>
      </c>
      <c r="G16" s="15">
        <v>349</v>
      </c>
      <c r="H16" s="16">
        <v>0.57999999999999996</v>
      </c>
      <c r="I16" s="15">
        <v>113</v>
      </c>
      <c r="J16" s="34">
        <v>32.378223495702009</v>
      </c>
      <c r="K16" s="46">
        <v>82</v>
      </c>
      <c r="L16" s="32"/>
      <c r="M16" s="5"/>
      <c r="N16" s="5"/>
      <c r="O16" s="5"/>
    </row>
    <row r="17" spans="3:15" ht="12" customHeight="1" x14ac:dyDescent="0.4">
      <c r="C17" s="71" t="s">
        <v>80</v>
      </c>
      <c r="D17" s="72"/>
      <c r="E17" s="73"/>
      <c r="F17" s="21">
        <v>56584</v>
      </c>
      <c r="G17" s="15">
        <v>329</v>
      </c>
      <c r="H17" s="16">
        <v>0.57999999999999996</v>
      </c>
      <c r="I17" s="15">
        <v>82</v>
      </c>
      <c r="J17" s="34">
        <v>24.924012158054712</v>
      </c>
      <c r="K17" s="46">
        <v>73</v>
      </c>
      <c r="L17" s="32"/>
      <c r="M17" s="5"/>
      <c r="N17" s="5"/>
      <c r="O17" s="5"/>
    </row>
    <row r="18" spans="3:15" ht="12" customHeight="1" x14ac:dyDescent="0.4">
      <c r="C18" s="71" t="s">
        <v>81</v>
      </c>
      <c r="D18" s="72"/>
      <c r="E18" s="73"/>
      <c r="F18" s="21">
        <v>26749</v>
      </c>
      <c r="G18" s="15">
        <v>144</v>
      </c>
      <c r="H18" s="16">
        <v>0.54</v>
      </c>
      <c r="I18" s="15">
        <v>49</v>
      </c>
      <c r="J18" s="34">
        <v>34.027777777777779</v>
      </c>
      <c r="K18" s="46">
        <v>36</v>
      </c>
      <c r="L18" s="32"/>
      <c r="M18" s="5"/>
      <c r="N18" s="5"/>
      <c r="O18" s="5"/>
    </row>
    <row r="19" spans="3:15" ht="12" customHeight="1" x14ac:dyDescent="0.4">
      <c r="C19" s="71" t="s">
        <v>82</v>
      </c>
      <c r="D19" s="72"/>
      <c r="E19" s="73"/>
      <c r="F19" s="21">
        <v>36849</v>
      </c>
      <c r="G19" s="15">
        <v>191</v>
      </c>
      <c r="H19" s="16">
        <v>0.52</v>
      </c>
      <c r="I19" s="15">
        <v>51</v>
      </c>
      <c r="J19" s="34">
        <v>26.701570680628272</v>
      </c>
      <c r="K19" s="46">
        <v>44</v>
      </c>
      <c r="L19" s="32"/>
      <c r="M19" s="5"/>
      <c r="N19" s="5"/>
      <c r="O19" s="5"/>
    </row>
    <row r="20" spans="3:15" ht="12" customHeight="1" x14ac:dyDescent="0.4">
      <c r="C20" s="71" t="s">
        <v>83</v>
      </c>
      <c r="D20" s="72"/>
      <c r="E20" s="73"/>
      <c r="F20" s="21">
        <v>24127</v>
      </c>
      <c r="G20" s="15">
        <v>142</v>
      </c>
      <c r="H20" s="16">
        <v>0.59</v>
      </c>
      <c r="I20" s="15">
        <v>47</v>
      </c>
      <c r="J20" s="34">
        <v>33.098591549295776</v>
      </c>
      <c r="K20" s="46">
        <v>34</v>
      </c>
      <c r="L20" s="32"/>
      <c r="M20" s="5"/>
      <c r="N20" s="5"/>
      <c r="O20" s="5"/>
    </row>
    <row r="21" spans="3:15" ht="12" customHeight="1" x14ac:dyDescent="0.4">
      <c r="C21" s="71" t="s">
        <v>84</v>
      </c>
      <c r="D21" s="72"/>
      <c r="E21" s="73"/>
      <c r="F21" s="21">
        <v>48044</v>
      </c>
      <c r="G21" s="15">
        <v>323</v>
      </c>
      <c r="H21" s="16">
        <v>0.67</v>
      </c>
      <c r="I21" s="15">
        <v>100</v>
      </c>
      <c r="J21" s="34">
        <v>30.959752321981426</v>
      </c>
      <c r="K21" s="46">
        <v>89</v>
      </c>
      <c r="L21" s="32"/>
      <c r="M21" s="5"/>
      <c r="N21" s="5"/>
      <c r="O21" s="5"/>
    </row>
    <row r="22" spans="3:15" ht="12" customHeight="1" x14ac:dyDescent="0.4">
      <c r="C22" s="71" t="s">
        <v>85</v>
      </c>
      <c r="D22" s="72"/>
      <c r="E22" s="73"/>
      <c r="F22" s="21">
        <v>31663</v>
      </c>
      <c r="G22" s="15">
        <v>234</v>
      </c>
      <c r="H22" s="16">
        <v>0.74</v>
      </c>
      <c r="I22" s="15">
        <v>70</v>
      </c>
      <c r="J22" s="34">
        <v>29.914529914529915</v>
      </c>
      <c r="K22" s="46">
        <v>61</v>
      </c>
      <c r="L22" s="32"/>
      <c r="M22" s="5"/>
      <c r="N22" s="5"/>
      <c r="O22" s="5"/>
    </row>
    <row r="23" spans="3:15" ht="12" customHeight="1" x14ac:dyDescent="0.4">
      <c r="C23" s="71" t="s">
        <v>86</v>
      </c>
      <c r="D23" s="72"/>
      <c r="E23" s="73"/>
      <c r="F23" s="21">
        <v>30387</v>
      </c>
      <c r="G23" s="15">
        <v>190</v>
      </c>
      <c r="H23" s="16">
        <v>0.63</v>
      </c>
      <c r="I23" s="15">
        <v>66</v>
      </c>
      <c r="J23" s="34">
        <v>34.736842105263158</v>
      </c>
      <c r="K23" s="46">
        <v>58</v>
      </c>
      <c r="L23" s="32"/>
      <c r="M23" s="5"/>
      <c r="N23" s="5"/>
      <c r="O23" s="5"/>
    </row>
    <row r="24" spans="3:15" ht="12" customHeight="1" x14ac:dyDescent="0.4">
      <c r="C24" s="71" t="s">
        <v>87</v>
      </c>
      <c r="D24" s="72"/>
      <c r="E24" s="73"/>
      <c r="F24" s="21">
        <v>30492</v>
      </c>
      <c r="G24" s="15">
        <v>214</v>
      </c>
      <c r="H24" s="42">
        <v>0.7</v>
      </c>
      <c r="I24" s="15">
        <v>67</v>
      </c>
      <c r="J24" s="34">
        <v>31.308411214953267</v>
      </c>
      <c r="K24" s="46">
        <v>49</v>
      </c>
      <c r="L24" s="32"/>
      <c r="M24" s="5"/>
      <c r="N24" s="5"/>
      <c r="O24" s="5"/>
    </row>
    <row r="25" spans="3:15" ht="12" customHeight="1" x14ac:dyDescent="0.4">
      <c r="C25" s="71" t="s">
        <v>88</v>
      </c>
      <c r="D25" s="72"/>
      <c r="E25" s="73"/>
      <c r="F25" s="21">
        <v>41626</v>
      </c>
      <c r="G25" s="15">
        <v>265</v>
      </c>
      <c r="H25" s="16">
        <v>0.64</v>
      </c>
      <c r="I25" s="15">
        <v>71</v>
      </c>
      <c r="J25" s="34">
        <v>26.79245283018868</v>
      </c>
      <c r="K25" s="46">
        <v>65</v>
      </c>
      <c r="L25" s="32"/>
      <c r="M25" s="5"/>
      <c r="N25" s="5"/>
      <c r="O25" s="5"/>
    </row>
    <row r="26" spans="3:15" ht="12" customHeight="1" x14ac:dyDescent="0.4">
      <c r="C26" s="71" t="s">
        <v>89</v>
      </c>
      <c r="D26" s="72"/>
      <c r="E26" s="73"/>
      <c r="F26" s="21">
        <v>35169</v>
      </c>
      <c r="G26" s="15">
        <v>236</v>
      </c>
      <c r="H26" s="16">
        <v>0.67</v>
      </c>
      <c r="I26" s="15">
        <v>74</v>
      </c>
      <c r="J26" s="34">
        <v>31.35593220338983</v>
      </c>
      <c r="K26" s="46">
        <v>53</v>
      </c>
      <c r="L26" s="32"/>
      <c r="M26" s="5"/>
      <c r="N26" s="5"/>
      <c r="O26" s="5"/>
    </row>
    <row r="27" spans="3:15" ht="12" customHeight="1" x14ac:dyDescent="0.4">
      <c r="C27" s="71" t="s">
        <v>90</v>
      </c>
      <c r="D27" s="72"/>
      <c r="E27" s="73"/>
      <c r="F27" s="21">
        <v>52055</v>
      </c>
      <c r="G27" s="15">
        <v>356</v>
      </c>
      <c r="H27" s="16">
        <v>0.68</v>
      </c>
      <c r="I27" s="15">
        <v>88</v>
      </c>
      <c r="J27" s="34">
        <v>24.719101123595504</v>
      </c>
      <c r="K27" s="46">
        <v>78</v>
      </c>
      <c r="L27" s="32"/>
      <c r="M27" s="5"/>
      <c r="N27" s="5"/>
      <c r="O27" s="5"/>
    </row>
    <row r="28" spans="3:15" ht="12" customHeight="1" x14ac:dyDescent="0.4">
      <c r="C28" s="74" t="s">
        <v>91</v>
      </c>
      <c r="D28" s="75"/>
      <c r="E28" s="76"/>
      <c r="F28" s="37">
        <v>23838</v>
      </c>
      <c r="G28" s="38">
        <v>130</v>
      </c>
      <c r="H28" s="39">
        <v>0.55000000000000004</v>
      </c>
      <c r="I28" s="38">
        <v>28</v>
      </c>
      <c r="J28" s="40">
        <v>21.53846153846154</v>
      </c>
      <c r="K28" s="49">
        <v>26</v>
      </c>
      <c r="L28" s="32"/>
      <c r="M28" s="5"/>
      <c r="N28" s="5"/>
      <c r="O28" s="5"/>
    </row>
    <row r="29" spans="3:15" ht="12" customHeight="1" x14ac:dyDescent="0.4">
      <c r="C29" s="25"/>
      <c r="D29" s="26"/>
      <c r="E29" s="26"/>
      <c r="F29" s="27">
        <v>825411</v>
      </c>
      <c r="G29" s="28">
        <v>5000</v>
      </c>
      <c r="H29" s="41">
        <v>0.60575882802628023</v>
      </c>
      <c r="I29" s="28">
        <v>1442</v>
      </c>
      <c r="J29" s="36">
        <v>28.84</v>
      </c>
      <c r="K29" s="28">
        <f>SUM(K5:K28)</f>
        <v>1138</v>
      </c>
      <c r="L29" s="5"/>
      <c r="M29" s="5"/>
      <c r="N29" s="5"/>
      <c r="O29" s="5"/>
    </row>
    <row r="30" spans="3:15" ht="13.9" customHeight="1" x14ac:dyDescent="0.4">
      <c r="C30" s="50" t="s">
        <v>267</v>
      </c>
      <c r="J30" s="5"/>
      <c r="K30" s="48" t="s">
        <v>222</v>
      </c>
      <c r="L30" s="5"/>
      <c r="M30" s="5"/>
      <c r="N30" s="5"/>
      <c r="O30" s="5"/>
    </row>
    <row r="31" spans="3:15" ht="9.6" customHeight="1" x14ac:dyDescent="0.4">
      <c r="C31" s="50"/>
      <c r="J31" s="5"/>
      <c r="K31" s="48"/>
      <c r="L31" s="5"/>
      <c r="M31" s="5"/>
      <c r="N31" s="5"/>
      <c r="O31" s="5"/>
    </row>
    <row r="32" spans="3:15" ht="17.25" customHeight="1" x14ac:dyDescent="0.4">
      <c r="C32" s="1" t="s">
        <v>241</v>
      </c>
      <c r="J32" s="5"/>
      <c r="K32" s="5"/>
      <c r="L32" s="5"/>
      <c r="M32" s="5"/>
      <c r="N32" s="5"/>
      <c r="O32" s="5"/>
    </row>
    <row r="33" spans="3:15" ht="19.149999999999999" customHeight="1" x14ac:dyDescent="0.4">
      <c r="F33" s="30" t="s">
        <v>49</v>
      </c>
      <c r="G33" s="13" t="s">
        <v>50</v>
      </c>
      <c r="H33" s="18" t="s">
        <v>95</v>
      </c>
      <c r="I33" s="13" t="s">
        <v>92</v>
      </c>
      <c r="J33" s="18" t="s">
        <v>97</v>
      </c>
      <c r="K33" s="51" t="s">
        <v>165</v>
      </c>
      <c r="L33" s="5"/>
      <c r="M33" s="5"/>
      <c r="N33" s="5"/>
      <c r="O33" s="5"/>
    </row>
    <row r="34" spans="3:15" ht="13.5" customHeight="1" x14ac:dyDescent="0.4">
      <c r="C34" s="68" t="s">
        <v>68</v>
      </c>
      <c r="D34" s="69"/>
      <c r="E34" s="70"/>
      <c r="F34" s="20">
        <v>45671</v>
      </c>
      <c r="G34" s="14">
        <v>219</v>
      </c>
      <c r="H34" s="19">
        <v>0.48</v>
      </c>
      <c r="I34" s="14">
        <v>75</v>
      </c>
      <c r="J34" s="33">
        <v>34.246575342465754</v>
      </c>
      <c r="K34" s="47">
        <v>46</v>
      </c>
      <c r="L34" s="32"/>
      <c r="M34" s="5"/>
      <c r="N34" s="5"/>
      <c r="O34" s="5"/>
    </row>
    <row r="35" spans="3:15" ht="13.5" customHeight="1" x14ac:dyDescent="0.4">
      <c r="C35" s="71" t="s">
        <v>69</v>
      </c>
      <c r="D35" s="72"/>
      <c r="E35" s="73"/>
      <c r="F35" s="21">
        <v>35868</v>
      </c>
      <c r="G35" s="15">
        <v>198</v>
      </c>
      <c r="H35" s="16">
        <v>0.55000000000000004</v>
      </c>
      <c r="I35" s="15">
        <v>106</v>
      </c>
      <c r="J35" s="34">
        <v>53.535353535353536</v>
      </c>
      <c r="K35" s="46">
        <v>79</v>
      </c>
      <c r="L35" s="32"/>
      <c r="M35" s="5"/>
      <c r="N35" s="5"/>
      <c r="O35" s="5"/>
    </row>
    <row r="36" spans="3:15" ht="13.5" customHeight="1" x14ac:dyDescent="0.4">
      <c r="C36" s="71" t="s">
        <v>70</v>
      </c>
      <c r="D36" s="72"/>
      <c r="E36" s="73"/>
      <c r="F36" s="21">
        <v>25670</v>
      </c>
      <c r="G36" s="15">
        <v>126</v>
      </c>
      <c r="H36" s="16">
        <v>0.49</v>
      </c>
      <c r="I36" s="15">
        <v>55</v>
      </c>
      <c r="J36" s="34">
        <v>43.650793650793652</v>
      </c>
      <c r="K36" s="46">
        <v>42</v>
      </c>
      <c r="L36" s="32"/>
      <c r="M36" s="5"/>
      <c r="N36" s="5"/>
      <c r="O36" s="5"/>
    </row>
    <row r="37" spans="3:15" ht="13.5" customHeight="1" x14ac:dyDescent="0.4">
      <c r="C37" s="71" t="s">
        <v>71</v>
      </c>
      <c r="D37" s="72"/>
      <c r="E37" s="73"/>
      <c r="F37" s="21">
        <v>22795</v>
      </c>
      <c r="G37" s="15">
        <v>143</v>
      </c>
      <c r="H37" s="16">
        <v>0.63</v>
      </c>
      <c r="I37" s="15">
        <v>63</v>
      </c>
      <c r="J37" s="34">
        <v>44.05594405594406</v>
      </c>
      <c r="K37" s="46">
        <v>34</v>
      </c>
      <c r="L37" s="32"/>
      <c r="M37" s="5"/>
      <c r="N37" s="5"/>
      <c r="O37" s="5"/>
    </row>
    <row r="38" spans="3:15" ht="13.5" customHeight="1" x14ac:dyDescent="0.4">
      <c r="C38" s="71" t="s">
        <v>72</v>
      </c>
      <c r="D38" s="72"/>
      <c r="E38" s="73"/>
      <c r="F38" s="21">
        <v>35411</v>
      </c>
      <c r="G38" s="15">
        <v>162</v>
      </c>
      <c r="H38" s="16">
        <v>0.46</v>
      </c>
      <c r="I38" s="15">
        <v>67</v>
      </c>
      <c r="J38" s="34">
        <v>41.358024691358025</v>
      </c>
      <c r="K38" s="46">
        <v>33</v>
      </c>
      <c r="L38" s="32"/>
      <c r="M38" s="5"/>
      <c r="N38" s="5"/>
      <c r="O38" s="5"/>
    </row>
    <row r="39" spans="3:15" ht="13.5" customHeight="1" x14ac:dyDescent="0.4">
      <c r="C39" s="71" t="s">
        <v>73</v>
      </c>
      <c r="D39" s="72"/>
      <c r="E39" s="73"/>
      <c r="F39" s="21">
        <v>33389</v>
      </c>
      <c r="G39" s="15">
        <v>196</v>
      </c>
      <c r="H39" s="16">
        <v>0.59</v>
      </c>
      <c r="I39" s="15">
        <v>75</v>
      </c>
      <c r="J39" s="34">
        <v>38.265306122448976</v>
      </c>
      <c r="K39" s="46">
        <v>51</v>
      </c>
      <c r="L39" s="32"/>
      <c r="M39" s="5"/>
      <c r="N39" s="5"/>
      <c r="O39" s="5"/>
    </row>
    <row r="40" spans="3:15" ht="13.5" customHeight="1" x14ac:dyDescent="0.4">
      <c r="C40" s="71" t="s">
        <v>74</v>
      </c>
      <c r="D40" s="72"/>
      <c r="E40" s="73"/>
      <c r="F40" s="21">
        <v>27023</v>
      </c>
      <c r="G40" s="15">
        <v>148</v>
      </c>
      <c r="H40" s="16">
        <v>0.55000000000000004</v>
      </c>
      <c r="I40" s="15">
        <v>62</v>
      </c>
      <c r="J40" s="34">
        <v>41.891891891891895</v>
      </c>
      <c r="K40" s="46">
        <v>47</v>
      </c>
      <c r="L40" s="32"/>
      <c r="M40" s="5"/>
      <c r="N40" s="5"/>
      <c r="O40" s="5"/>
    </row>
    <row r="41" spans="3:15" ht="13.5" customHeight="1" x14ac:dyDescent="0.4">
      <c r="C41" s="71" t="s">
        <v>75</v>
      </c>
      <c r="D41" s="72"/>
      <c r="E41" s="73"/>
      <c r="F41" s="21">
        <v>21757</v>
      </c>
      <c r="G41" s="15">
        <v>113</v>
      </c>
      <c r="H41" s="16">
        <v>0.52</v>
      </c>
      <c r="I41" s="15">
        <v>43</v>
      </c>
      <c r="J41" s="34">
        <v>38.053097345132741</v>
      </c>
      <c r="K41" s="46">
        <v>31</v>
      </c>
      <c r="L41" s="32"/>
      <c r="M41" s="5"/>
      <c r="N41" s="5"/>
      <c r="O41" s="5"/>
    </row>
    <row r="42" spans="3:15" ht="13.5" customHeight="1" x14ac:dyDescent="0.4">
      <c r="C42" s="71" t="s">
        <v>76</v>
      </c>
      <c r="D42" s="72"/>
      <c r="E42" s="73"/>
      <c r="F42" s="21">
        <v>27458</v>
      </c>
      <c r="G42" s="15">
        <v>139</v>
      </c>
      <c r="H42" s="16">
        <v>0.51</v>
      </c>
      <c r="I42" s="15">
        <v>61</v>
      </c>
      <c r="J42" s="34">
        <v>43.884892086330936</v>
      </c>
      <c r="K42" s="46">
        <v>45</v>
      </c>
      <c r="L42" s="32"/>
      <c r="M42" s="5"/>
      <c r="N42" s="5"/>
      <c r="O42" s="5"/>
    </row>
    <row r="43" spans="3:15" ht="13.5" customHeight="1" x14ac:dyDescent="0.4">
      <c r="C43" s="71" t="s">
        <v>77</v>
      </c>
      <c r="D43" s="72"/>
      <c r="E43" s="73"/>
      <c r="F43" s="21">
        <v>19607</v>
      </c>
      <c r="G43" s="15">
        <v>126</v>
      </c>
      <c r="H43" s="16">
        <v>0.64</v>
      </c>
      <c r="I43" s="15">
        <v>53</v>
      </c>
      <c r="J43" s="34">
        <v>42.063492063492063</v>
      </c>
      <c r="K43" s="46">
        <v>21</v>
      </c>
      <c r="L43" s="32"/>
      <c r="M43" s="5"/>
      <c r="N43" s="5"/>
      <c r="O43" s="5"/>
    </row>
    <row r="44" spans="3:15" ht="13.5" customHeight="1" x14ac:dyDescent="0.4">
      <c r="C44" s="71" t="s">
        <v>78</v>
      </c>
      <c r="D44" s="72"/>
      <c r="E44" s="73"/>
      <c r="F44" s="21">
        <v>33423</v>
      </c>
      <c r="G44" s="15">
        <v>190</v>
      </c>
      <c r="H44" s="16">
        <v>0.56999999999999995</v>
      </c>
      <c r="I44" s="15">
        <v>81</v>
      </c>
      <c r="J44" s="34">
        <v>42.631578947368418</v>
      </c>
      <c r="K44" s="46">
        <v>56</v>
      </c>
      <c r="L44" s="32"/>
      <c r="M44" s="5"/>
      <c r="N44" s="5"/>
      <c r="O44" s="5"/>
    </row>
    <row r="45" spans="3:15" ht="13.5" customHeight="1" x14ac:dyDescent="0.4">
      <c r="C45" s="71" t="s">
        <v>79</v>
      </c>
      <c r="D45" s="72"/>
      <c r="E45" s="73"/>
      <c r="F45" s="21">
        <v>59536</v>
      </c>
      <c r="G45" s="15">
        <v>340</v>
      </c>
      <c r="H45" s="16">
        <v>0.56999999999999995</v>
      </c>
      <c r="I45" s="15">
        <v>132</v>
      </c>
      <c r="J45" s="34">
        <v>38.82352941176471</v>
      </c>
      <c r="K45" s="46">
        <v>89</v>
      </c>
      <c r="L45" s="32"/>
      <c r="M45" s="5"/>
      <c r="N45" s="5"/>
      <c r="O45" s="5"/>
    </row>
    <row r="46" spans="3:15" ht="13.5" customHeight="1" x14ac:dyDescent="0.4">
      <c r="C46" s="71" t="s">
        <v>80</v>
      </c>
      <c r="D46" s="72"/>
      <c r="E46" s="73"/>
      <c r="F46" s="21">
        <v>55967</v>
      </c>
      <c r="G46" s="15">
        <v>304</v>
      </c>
      <c r="H46" s="16">
        <v>0.54</v>
      </c>
      <c r="I46" s="15">
        <v>130</v>
      </c>
      <c r="J46" s="34">
        <v>42.763157894736842</v>
      </c>
      <c r="K46" s="46">
        <v>82</v>
      </c>
      <c r="L46" s="32"/>
      <c r="M46" s="5"/>
      <c r="N46" s="5"/>
      <c r="O46" s="5"/>
    </row>
    <row r="47" spans="3:15" ht="13.5" customHeight="1" x14ac:dyDescent="0.4">
      <c r="C47" s="71" t="s">
        <v>81</v>
      </c>
      <c r="D47" s="72"/>
      <c r="E47" s="73"/>
      <c r="F47" s="21">
        <v>27416</v>
      </c>
      <c r="G47" s="15">
        <v>159</v>
      </c>
      <c r="H47" s="16">
        <v>0.57999999999999996</v>
      </c>
      <c r="I47" s="15">
        <v>71</v>
      </c>
      <c r="J47" s="34">
        <v>44.654088050314463</v>
      </c>
      <c r="K47" s="46">
        <v>45</v>
      </c>
      <c r="L47" s="32"/>
      <c r="M47" s="5"/>
      <c r="N47" s="5"/>
      <c r="O47" s="5"/>
    </row>
    <row r="48" spans="3:15" ht="13.5" customHeight="1" x14ac:dyDescent="0.4">
      <c r="C48" s="71" t="s">
        <v>82</v>
      </c>
      <c r="D48" s="72"/>
      <c r="E48" s="73"/>
      <c r="F48" s="21">
        <v>40494</v>
      </c>
      <c r="G48" s="15">
        <v>180</v>
      </c>
      <c r="H48" s="16">
        <v>0.44</v>
      </c>
      <c r="I48" s="15">
        <v>75</v>
      </c>
      <c r="J48" s="34">
        <v>41.666666666666671</v>
      </c>
      <c r="K48" s="46">
        <v>49</v>
      </c>
      <c r="L48" s="32"/>
      <c r="M48" s="5"/>
      <c r="N48" s="5"/>
      <c r="O48" s="5"/>
    </row>
    <row r="49" spans="3:15" ht="13.5" customHeight="1" x14ac:dyDescent="0.4">
      <c r="C49" s="71" t="s">
        <v>83</v>
      </c>
      <c r="D49" s="72"/>
      <c r="E49" s="73"/>
      <c r="F49" s="21">
        <v>29782</v>
      </c>
      <c r="G49" s="15">
        <v>158</v>
      </c>
      <c r="H49" s="16">
        <v>0.53</v>
      </c>
      <c r="I49" s="15">
        <v>71</v>
      </c>
      <c r="J49" s="34">
        <v>44.936708860759495</v>
      </c>
      <c r="K49" s="46">
        <v>50</v>
      </c>
      <c r="L49" s="32"/>
      <c r="M49" s="5"/>
      <c r="N49" s="5"/>
      <c r="O49" s="5"/>
    </row>
    <row r="50" spans="3:15" ht="13.5" customHeight="1" x14ac:dyDescent="0.4">
      <c r="C50" s="71" t="s">
        <v>84</v>
      </c>
      <c r="D50" s="72"/>
      <c r="E50" s="73"/>
      <c r="F50" s="21">
        <v>58782</v>
      </c>
      <c r="G50" s="15">
        <v>323</v>
      </c>
      <c r="H50" s="16">
        <v>0.55000000000000004</v>
      </c>
      <c r="I50" s="15">
        <v>141</v>
      </c>
      <c r="J50" s="34">
        <v>43.653250773993804</v>
      </c>
      <c r="K50" s="46">
        <v>97</v>
      </c>
      <c r="L50" s="32"/>
      <c r="M50" s="5"/>
      <c r="N50" s="5"/>
      <c r="O50" s="5"/>
    </row>
    <row r="51" spans="3:15" ht="13.5" customHeight="1" x14ac:dyDescent="0.4">
      <c r="C51" s="71" t="s">
        <v>85</v>
      </c>
      <c r="D51" s="72"/>
      <c r="E51" s="73"/>
      <c r="F51" s="21">
        <v>39144</v>
      </c>
      <c r="G51" s="15">
        <v>210</v>
      </c>
      <c r="H51" s="16">
        <v>0.54</v>
      </c>
      <c r="I51" s="15">
        <v>82</v>
      </c>
      <c r="J51" s="34">
        <v>39.047619047619051</v>
      </c>
      <c r="K51" s="46">
        <v>65</v>
      </c>
      <c r="L51" s="32"/>
      <c r="M51" s="5"/>
      <c r="N51" s="5"/>
      <c r="O51" s="5"/>
    </row>
    <row r="52" spans="3:15" ht="13.5" customHeight="1" x14ac:dyDescent="0.4">
      <c r="C52" s="71" t="s">
        <v>86</v>
      </c>
      <c r="D52" s="72"/>
      <c r="E52" s="73"/>
      <c r="F52" s="21">
        <v>38152</v>
      </c>
      <c r="G52" s="15">
        <v>230</v>
      </c>
      <c r="H52" s="42">
        <v>0.6</v>
      </c>
      <c r="I52" s="15">
        <v>112</v>
      </c>
      <c r="J52" s="34">
        <v>48.695652173913047</v>
      </c>
      <c r="K52" s="46">
        <v>89</v>
      </c>
      <c r="L52" s="32"/>
      <c r="M52" s="5"/>
      <c r="N52" s="5"/>
      <c r="O52" s="5"/>
    </row>
    <row r="53" spans="3:15" ht="13.5" customHeight="1" x14ac:dyDescent="0.4">
      <c r="C53" s="71" t="s">
        <v>87</v>
      </c>
      <c r="D53" s="72"/>
      <c r="E53" s="73"/>
      <c r="F53" s="21">
        <v>41321</v>
      </c>
      <c r="G53" s="15">
        <v>207</v>
      </c>
      <c r="H53" s="42">
        <v>0.5</v>
      </c>
      <c r="I53" s="15">
        <v>80</v>
      </c>
      <c r="J53" s="34">
        <v>38.647342995169083</v>
      </c>
      <c r="K53" s="46">
        <v>55</v>
      </c>
      <c r="L53" s="32"/>
      <c r="M53" s="5"/>
      <c r="N53" s="5"/>
      <c r="O53" s="5"/>
    </row>
    <row r="54" spans="3:15" ht="13.5" customHeight="1" x14ac:dyDescent="0.4">
      <c r="C54" s="71" t="s">
        <v>88</v>
      </c>
      <c r="D54" s="72"/>
      <c r="E54" s="73"/>
      <c r="F54" s="21">
        <v>51827</v>
      </c>
      <c r="G54" s="15">
        <v>304</v>
      </c>
      <c r="H54" s="16">
        <v>0.59</v>
      </c>
      <c r="I54" s="15">
        <v>134</v>
      </c>
      <c r="J54" s="34">
        <v>44.078947368421048</v>
      </c>
      <c r="K54" s="46">
        <v>82</v>
      </c>
      <c r="L54" s="32"/>
      <c r="M54" s="5"/>
      <c r="N54" s="5"/>
      <c r="O54" s="5"/>
    </row>
    <row r="55" spans="3:15" ht="13.5" customHeight="1" x14ac:dyDescent="0.4">
      <c r="C55" s="71" t="s">
        <v>89</v>
      </c>
      <c r="D55" s="72"/>
      <c r="E55" s="73"/>
      <c r="F55" s="21">
        <v>43977</v>
      </c>
      <c r="G55" s="15">
        <v>273</v>
      </c>
      <c r="H55" s="16">
        <v>0.62</v>
      </c>
      <c r="I55" s="15">
        <v>114</v>
      </c>
      <c r="J55" s="34">
        <v>41.758241758241759</v>
      </c>
      <c r="K55" s="46">
        <v>80</v>
      </c>
      <c r="L55" s="32"/>
      <c r="M55" s="5"/>
      <c r="N55" s="5"/>
      <c r="O55" s="5"/>
    </row>
    <row r="56" spans="3:15" ht="13.5" customHeight="1" x14ac:dyDescent="0.4">
      <c r="C56" s="71" t="s">
        <v>90</v>
      </c>
      <c r="D56" s="72"/>
      <c r="E56" s="73"/>
      <c r="F56" s="21">
        <v>67041</v>
      </c>
      <c r="G56" s="15">
        <v>388</v>
      </c>
      <c r="H56" s="16">
        <v>0.57999999999999996</v>
      </c>
      <c r="I56" s="15">
        <v>138</v>
      </c>
      <c r="J56" s="34">
        <v>35.567010309278352</v>
      </c>
      <c r="K56" s="46">
        <v>94</v>
      </c>
      <c r="L56" s="32"/>
      <c r="M56" s="5"/>
      <c r="N56" s="5"/>
      <c r="O56" s="5"/>
    </row>
    <row r="57" spans="3:15" ht="13.5" customHeight="1" x14ac:dyDescent="0.4">
      <c r="C57" s="74" t="s">
        <v>91</v>
      </c>
      <c r="D57" s="75"/>
      <c r="E57" s="76"/>
      <c r="F57" s="37">
        <v>34372</v>
      </c>
      <c r="G57" s="38">
        <v>164</v>
      </c>
      <c r="H57" s="39">
        <v>0.48</v>
      </c>
      <c r="I57" s="38">
        <v>63</v>
      </c>
      <c r="J57" s="40">
        <v>38.414634146341463</v>
      </c>
      <c r="K57" s="49">
        <v>35</v>
      </c>
      <c r="L57" s="32"/>
      <c r="M57" s="5"/>
      <c r="N57" s="5"/>
      <c r="O57" s="5"/>
    </row>
    <row r="58" spans="3:15" ht="13.5" customHeight="1" x14ac:dyDescent="0.4">
      <c r="C58" s="25"/>
      <c r="D58" s="26"/>
      <c r="E58" s="26"/>
      <c r="F58" s="27">
        <v>915883</v>
      </c>
      <c r="G58" s="28">
        <v>5000</v>
      </c>
      <c r="H58" s="41">
        <v>0.54592125850135875</v>
      </c>
      <c r="I58" s="28">
        <v>2084</v>
      </c>
      <c r="J58" s="36">
        <v>41.68</v>
      </c>
      <c r="K58" s="28">
        <f>SUM(K34:K57)</f>
        <v>1397</v>
      </c>
      <c r="L58" s="5"/>
      <c r="M58" s="5"/>
      <c r="N58" s="5"/>
      <c r="O58" s="5"/>
    </row>
    <row r="59" spans="3:15" ht="16.899999999999999" customHeight="1" x14ac:dyDescent="0.4">
      <c r="C59" s="50" t="s">
        <v>268</v>
      </c>
      <c r="K59" s="48" t="s">
        <v>222</v>
      </c>
    </row>
    <row r="60" spans="3:15" ht="2.4500000000000002" customHeight="1" x14ac:dyDescent="0.4">
      <c r="C60" s="50"/>
      <c r="K60" s="48"/>
    </row>
    <row r="61" spans="3:15" ht="17.25" customHeight="1" x14ac:dyDescent="0.4">
      <c r="C61" s="12" t="s">
        <v>47</v>
      </c>
    </row>
    <row r="62" spans="3:15" ht="15" customHeight="1" x14ac:dyDescent="0.4">
      <c r="C62" s="1" t="s">
        <v>223</v>
      </c>
    </row>
    <row r="63" spans="3:15" ht="15" customHeight="1" x14ac:dyDescent="0.4">
      <c r="C63" s="1" t="s">
        <v>48</v>
      </c>
    </row>
  </sheetData>
  <mergeCells count="48">
    <mergeCell ref="C16:E16"/>
    <mergeCell ref="C15:E15"/>
    <mergeCell ref="C17:E17"/>
    <mergeCell ref="C18:E18"/>
    <mergeCell ref="C19:E19"/>
    <mergeCell ref="C14:E14"/>
    <mergeCell ref="C5:E5"/>
    <mergeCell ref="C6:E6"/>
    <mergeCell ref="C7:E7"/>
    <mergeCell ref="C8:E8"/>
    <mergeCell ref="C9:E9"/>
    <mergeCell ref="C10:E10"/>
    <mergeCell ref="C11:E11"/>
    <mergeCell ref="C12:E12"/>
    <mergeCell ref="C13:E13"/>
    <mergeCell ref="C36:E36"/>
    <mergeCell ref="C20:E20"/>
    <mergeCell ref="C21:E21"/>
    <mergeCell ref="C22:E22"/>
    <mergeCell ref="C23:E23"/>
    <mergeCell ref="C24:E24"/>
    <mergeCell ref="C25:E25"/>
    <mergeCell ref="C26:E26"/>
    <mergeCell ref="C27:E27"/>
    <mergeCell ref="C28:E28"/>
    <mergeCell ref="C34:E34"/>
    <mergeCell ref="C35:E35"/>
    <mergeCell ref="C48:E48"/>
    <mergeCell ref="C37:E37"/>
    <mergeCell ref="C38:E38"/>
    <mergeCell ref="C39:E39"/>
    <mergeCell ref="C40:E40"/>
    <mergeCell ref="C41:E41"/>
    <mergeCell ref="C42:E42"/>
    <mergeCell ref="C43:E43"/>
    <mergeCell ref="C44:E44"/>
    <mergeCell ref="C45:E45"/>
    <mergeCell ref="C46:E46"/>
    <mergeCell ref="C47:E47"/>
    <mergeCell ref="C55:E55"/>
    <mergeCell ref="C56:E56"/>
    <mergeCell ref="C57:E57"/>
    <mergeCell ref="C49:E49"/>
    <mergeCell ref="C50:E50"/>
    <mergeCell ref="C51:E51"/>
    <mergeCell ref="C52:E52"/>
    <mergeCell ref="C53:E53"/>
    <mergeCell ref="C54:E54"/>
  </mergeCells>
  <phoneticPr fontId="1"/>
  <pageMargins left="0.70866141732283472" right="0.70866141732283472" top="0.74803149606299213" bottom="0.74803149606299213" header="0.31496062992125984" footer="0.31496062992125984"/>
  <pageSetup paperSize="9" scale="85" fitToWidth="0" fitToHeight="0" orientation="portrait" r:id="rId1"/>
  <headerFooter>
    <oddFooter>&amp;C&amp;"ＭＳ Ｐ明朝,標準"&amp;12-&amp;A-</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M35"/>
  <sheetViews>
    <sheetView zoomScaleNormal="100" workbookViewId="0"/>
  </sheetViews>
  <sheetFormatPr defaultColWidth="3.625" defaultRowHeight="17.25" customHeight="1" x14ac:dyDescent="0.4"/>
  <cols>
    <col min="1" max="1" width="2" style="1" customWidth="1"/>
    <col min="2" max="2" width="3.5" style="1" customWidth="1"/>
    <col min="3" max="4" width="3.625" style="1"/>
    <col min="5" max="5" width="2.625" style="1" customWidth="1"/>
    <col min="6" max="6" width="7.5" style="1" customWidth="1"/>
    <col min="7" max="7" width="9.625" style="1" customWidth="1"/>
    <col min="8" max="8" width="7.5" style="1" customWidth="1"/>
    <col min="9" max="9" width="3.75" style="1" customWidth="1"/>
    <col min="10" max="10" width="10" style="1" customWidth="1"/>
    <col min="11" max="13" width="7.5" style="1" customWidth="1"/>
    <col min="14" max="14" width="4" style="1" customWidth="1"/>
    <col min="15" max="15" width="1.25" style="1" customWidth="1"/>
    <col min="16" max="16" width="5" style="1" bestFit="1" customWidth="1"/>
    <col min="17" max="17" width="7.25" style="1" bestFit="1" customWidth="1"/>
    <col min="18" max="16384" width="3.625" style="1"/>
  </cols>
  <sheetData>
    <row r="4" spans="2:6" ht="17.25" customHeight="1" x14ac:dyDescent="0.4">
      <c r="B4" s="59" t="s">
        <v>257</v>
      </c>
      <c r="C4" s="10" t="s">
        <v>1</v>
      </c>
    </row>
    <row r="5" spans="2:6" ht="5.45" customHeight="1" x14ac:dyDescent="0.4">
      <c r="B5" s="11"/>
      <c r="C5" s="10"/>
    </row>
    <row r="6" spans="2:6" ht="17.25" customHeight="1" x14ac:dyDescent="0.4">
      <c r="C6" s="1" t="s">
        <v>13</v>
      </c>
      <c r="F6" s="1" t="s">
        <v>15</v>
      </c>
    </row>
    <row r="7" spans="2:6" ht="17.25" customHeight="1" x14ac:dyDescent="0.4">
      <c r="F7" s="1" t="s">
        <v>98</v>
      </c>
    </row>
    <row r="8" spans="2:6" ht="17.25" customHeight="1" x14ac:dyDescent="0.4">
      <c r="F8" s="1" t="s">
        <v>16</v>
      </c>
    </row>
    <row r="9" spans="2:6" ht="17.25" customHeight="1" x14ac:dyDescent="0.4">
      <c r="F9" s="1" t="s">
        <v>17</v>
      </c>
    </row>
    <row r="10" spans="2:6" ht="17.25" customHeight="1" x14ac:dyDescent="0.4">
      <c r="F10" s="1" t="s">
        <v>18</v>
      </c>
    </row>
    <row r="11" spans="2:6" ht="17.25" customHeight="1" x14ac:dyDescent="0.4">
      <c r="F11" s="1" t="s">
        <v>19</v>
      </c>
    </row>
    <row r="12" spans="2:6" ht="17.25" customHeight="1" x14ac:dyDescent="0.4">
      <c r="F12" s="1" t="s">
        <v>20</v>
      </c>
    </row>
    <row r="13" spans="2:6" ht="17.25" customHeight="1" x14ac:dyDescent="0.4">
      <c r="F13" s="1" t="s">
        <v>166</v>
      </c>
    </row>
    <row r="14" spans="2:6" ht="17.25" customHeight="1" x14ac:dyDescent="0.4">
      <c r="F14" s="1" t="s">
        <v>21</v>
      </c>
    </row>
    <row r="15" spans="2:6" ht="17.25" customHeight="1" x14ac:dyDescent="0.4">
      <c r="F15" s="1" t="s">
        <v>22</v>
      </c>
    </row>
    <row r="16" spans="2:6" ht="17.25" customHeight="1" x14ac:dyDescent="0.4">
      <c r="F16" s="1" t="s">
        <v>23</v>
      </c>
    </row>
    <row r="17" spans="2:13" ht="17.25" customHeight="1" x14ac:dyDescent="0.4">
      <c r="F17" s="1" t="s">
        <v>24</v>
      </c>
    </row>
    <row r="18" spans="2:13" ht="17.25" customHeight="1" x14ac:dyDescent="0.4">
      <c r="F18" s="1" t="s">
        <v>25</v>
      </c>
    </row>
    <row r="19" spans="2:13" ht="17.25" customHeight="1" x14ac:dyDescent="0.4">
      <c r="F19" s="1" t="s">
        <v>26</v>
      </c>
    </row>
    <row r="20" spans="2:13" ht="7.9" customHeight="1" x14ac:dyDescent="0.4"/>
    <row r="21" spans="2:13" ht="17.25" customHeight="1" x14ac:dyDescent="0.4">
      <c r="C21" s="7" t="s">
        <v>14</v>
      </c>
      <c r="D21" s="7"/>
      <c r="E21" s="7"/>
      <c r="F21" s="7" t="s">
        <v>27</v>
      </c>
      <c r="G21" s="7"/>
      <c r="L21" s="7"/>
    </row>
    <row r="22" spans="2:13" ht="17.25" customHeight="1" x14ac:dyDescent="0.4">
      <c r="C22" s="7"/>
      <c r="D22" s="7"/>
      <c r="E22" s="7"/>
      <c r="F22" s="7" t="s">
        <v>28</v>
      </c>
      <c r="G22" s="7"/>
      <c r="L22" s="7"/>
    </row>
    <row r="23" spans="2:13" ht="17.25" customHeight="1" x14ac:dyDescent="0.4">
      <c r="C23" s="7"/>
      <c r="D23" s="7"/>
      <c r="E23" s="7"/>
      <c r="F23" s="7" t="s">
        <v>29</v>
      </c>
      <c r="G23" s="7"/>
      <c r="L23" s="7"/>
    </row>
    <row r="24" spans="2:13" ht="17.25" customHeight="1" x14ac:dyDescent="0.4">
      <c r="C24" s="7"/>
      <c r="D24" s="7"/>
      <c r="E24" s="7"/>
      <c r="F24" s="7" t="s">
        <v>30</v>
      </c>
      <c r="G24" s="7"/>
      <c r="L24" s="7"/>
    </row>
    <row r="25" spans="2:13" ht="17.25" customHeight="1" x14ac:dyDescent="0.4">
      <c r="C25" s="7"/>
      <c r="D25" s="7"/>
      <c r="E25" s="7"/>
      <c r="F25" s="7" t="s">
        <v>167</v>
      </c>
      <c r="G25" s="7"/>
      <c r="L25" s="7"/>
    </row>
    <row r="26" spans="2:13" ht="17.25" customHeight="1" x14ac:dyDescent="0.4">
      <c r="C26" s="7"/>
      <c r="D26" s="7"/>
      <c r="E26" s="7"/>
      <c r="F26" s="7" t="s">
        <v>168</v>
      </c>
      <c r="G26" s="7"/>
      <c r="L26" s="7"/>
    </row>
    <row r="27" spans="2:13" ht="17.25" customHeight="1" x14ac:dyDescent="0.4">
      <c r="C27" s="7"/>
      <c r="D27" s="7"/>
      <c r="E27" s="7"/>
      <c r="F27" s="7" t="s">
        <v>169</v>
      </c>
      <c r="G27" s="7"/>
      <c r="L27" s="7"/>
    </row>
    <row r="28" spans="2:13" ht="17.25" customHeight="1" x14ac:dyDescent="0.4">
      <c r="C28" s="7"/>
      <c r="D28" s="7"/>
      <c r="E28" s="7"/>
      <c r="F28" s="7" t="s">
        <v>170</v>
      </c>
      <c r="G28" s="7"/>
      <c r="L28" s="7"/>
    </row>
    <row r="29" spans="2:13" ht="17.25" customHeight="1" x14ac:dyDescent="0.4">
      <c r="C29" s="7"/>
      <c r="D29" s="7"/>
      <c r="E29" s="7"/>
      <c r="F29" s="7" t="s">
        <v>171</v>
      </c>
      <c r="G29" s="7"/>
      <c r="L29" s="7"/>
      <c r="M29" s="7"/>
    </row>
    <row r="31" spans="2:13" ht="17.25" customHeight="1" x14ac:dyDescent="0.4">
      <c r="B31" s="59" t="s">
        <v>260</v>
      </c>
      <c r="C31" s="10" t="s">
        <v>174</v>
      </c>
    </row>
    <row r="32" spans="2:13" ht="17.25" customHeight="1" x14ac:dyDescent="0.4">
      <c r="C32" s="1" t="s">
        <v>224</v>
      </c>
    </row>
    <row r="33" spans="3:3" ht="17.25" customHeight="1" x14ac:dyDescent="0.4">
      <c r="C33" s="1" t="s">
        <v>226</v>
      </c>
    </row>
    <row r="34" spans="3:3" ht="17.25" customHeight="1" x14ac:dyDescent="0.4">
      <c r="C34" s="1" t="s">
        <v>225</v>
      </c>
    </row>
    <row r="35" spans="3:3" ht="17.25" customHeight="1" x14ac:dyDescent="0.4">
      <c r="C35" s="1" t="s">
        <v>271</v>
      </c>
    </row>
  </sheetData>
  <phoneticPr fontId="2"/>
  <pageMargins left="0.70866141732283472" right="0.70866141732283472" top="0.74803149606299213" bottom="0.74803149606299213" header="0.31496062992125984" footer="0.31496062992125984"/>
  <pageSetup paperSize="9" orientation="portrait" r:id="rId1"/>
  <headerFooter>
    <oddFooter>&amp;C&amp;"ＭＳ Ｐ明朝,標準"-&amp;A-</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P42"/>
  <sheetViews>
    <sheetView zoomScaleNormal="100" workbookViewId="0"/>
  </sheetViews>
  <sheetFormatPr defaultColWidth="3.625" defaultRowHeight="17.25" customHeight="1" x14ac:dyDescent="0.4"/>
  <cols>
    <col min="1" max="1" width="2" style="1" customWidth="1"/>
    <col min="2" max="2" width="3.5" style="1" customWidth="1"/>
    <col min="3" max="4" width="3.625" style="1"/>
    <col min="5" max="5" width="2.625" style="1" customWidth="1"/>
    <col min="6" max="6" width="7.5" style="1" customWidth="1"/>
    <col min="7" max="7" width="9.625" style="1" customWidth="1"/>
    <col min="8" max="8" width="7.5" style="1" customWidth="1"/>
    <col min="9" max="9" width="3.75" style="1" customWidth="1"/>
    <col min="10" max="10" width="10" style="1" customWidth="1"/>
    <col min="11" max="13" width="7.5" style="1" customWidth="1"/>
    <col min="14" max="14" width="4" style="1" customWidth="1"/>
    <col min="15" max="15" width="1.25" style="1" customWidth="1"/>
    <col min="16" max="16" width="5" style="1" bestFit="1" customWidth="1"/>
    <col min="17" max="17" width="7.25" style="1" bestFit="1" customWidth="1"/>
    <col min="18" max="16384" width="3.625" style="1"/>
  </cols>
  <sheetData>
    <row r="4" spans="2:3" ht="17.25" customHeight="1" x14ac:dyDescent="0.4">
      <c r="B4" s="59" t="s">
        <v>261</v>
      </c>
      <c r="C4" s="10" t="s">
        <v>173</v>
      </c>
    </row>
    <row r="5" spans="2:3" ht="17.25" customHeight="1" x14ac:dyDescent="0.4">
      <c r="B5" s="31"/>
      <c r="C5" s="10"/>
    </row>
    <row r="6" spans="2:3" ht="17.25" customHeight="1" x14ac:dyDescent="0.4">
      <c r="B6" s="31"/>
      <c r="C6" s="10" t="s">
        <v>176</v>
      </c>
    </row>
    <row r="7" spans="2:3" ht="17.25" customHeight="1" x14ac:dyDescent="0.4">
      <c r="B7" s="31"/>
      <c r="C7" s="10"/>
    </row>
    <row r="8" spans="2:3" ht="17.25" customHeight="1" x14ac:dyDescent="0.4">
      <c r="C8" s="1" t="s">
        <v>242</v>
      </c>
    </row>
    <row r="9" spans="2:3" ht="17.25" customHeight="1" x14ac:dyDescent="0.4">
      <c r="C9" s="1" t="s">
        <v>177</v>
      </c>
    </row>
    <row r="10" spans="2:3" ht="15.75" customHeight="1" x14ac:dyDescent="0.4"/>
    <row r="11" spans="2:3" ht="17.25" customHeight="1" x14ac:dyDescent="0.4">
      <c r="C11" s="1" t="s">
        <v>186</v>
      </c>
    </row>
    <row r="12" spans="2:3" ht="17.25" customHeight="1" x14ac:dyDescent="0.4">
      <c r="C12" s="1" t="s">
        <v>178</v>
      </c>
    </row>
    <row r="14" spans="2:3" ht="17.25" customHeight="1" x14ac:dyDescent="0.4">
      <c r="C14" s="1" t="s">
        <v>179</v>
      </c>
    </row>
    <row r="15" spans="2:3" ht="17.25" customHeight="1" x14ac:dyDescent="0.4">
      <c r="C15" s="1" t="s">
        <v>180</v>
      </c>
    </row>
    <row r="18" spans="2:16" ht="17.25" customHeight="1" x14ac:dyDescent="0.4">
      <c r="B18" s="31"/>
      <c r="C18" s="10" t="s">
        <v>181</v>
      </c>
    </row>
    <row r="19" spans="2:16" ht="12" customHeight="1" x14ac:dyDescent="0.4"/>
    <row r="20" spans="2:16" ht="15.75" customHeight="1" x14ac:dyDescent="0.4">
      <c r="C20" s="1" t="s">
        <v>182</v>
      </c>
    </row>
    <row r="22" spans="2:16" ht="17.25" customHeight="1" x14ac:dyDescent="0.4">
      <c r="C22" s="55" t="s">
        <v>205</v>
      </c>
    </row>
    <row r="23" spans="2:16" ht="17.25" customHeight="1" x14ac:dyDescent="0.4">
      <c r="C23" s="56" t="s">
        <v>282</v>
      </c>
    </row>
    <row r="24" spans="2:16" ht="17.25" customHeight="1" x14ac:dyDescent="0.4">
      <c r="C24" s="52"/>
    </row>
    <row r="25" spans="2:16" ht="15.6" customHeight="1" x14ac:dyDescent="0.4">
      <c r="C25" s="55" t="s">
        <v>187</v>
      </c>
    </row>
    <row r="26" spans="2:16" ht="17.45" customHeight="1" x14ac:dyDescent="0.4">
      <c r="C26" s="55" t="s">
        <v>188</v>
      </c>
    </row>
    <row r="27" spans="2:16" ht="17.45" customHeight="1" x14ac:dyDescent="0.4">
      <c r="C27" s="55" t="s">
        <v>189</v>
      </c>
    </row>
    <row r="28" spans="2:16" ht="17.45" customHeight="1" x14ac:dyDescent="0.4">
      <c r="C28" s="55" t="s">
        <v>190</v>
      </c>
    </row>
    <row r="29" spans="2:16" ht="17.45" customHeight="1" x14ac:dyDescent="0.4">
      <c r="C29" s="55"/>
    </row>
    <row r="30" spans="2:16" ht="17.45" customHeight="1" x14ac:dyDescent="0.4">
      <c r="C30" s="55" t="s">
        <v>245</v>
      </c>
      <c r="P30" s="6"/>
    </row>
    <row r="31" spans="2:16" ht="17.45" customHeight="1" x14ac:dyDescent="0.4">
      <c r="C31" s="55" t="s">
        <v>185</v>
      </c>
    </row>
    <row r="32" spans="2:16" ht="12" customHeight="1" x14ac:dyDescent="0.4"/>
    <row r="33" spans="3:10" ht="28.9" customHeight="1" x14ac:dyDescent="0.4">
      <c r="D33" s="1" t="s">
        <v>184</v>
      </c>
      <c r="G33" s="29"/>
    </row>
    <row r="34" spans="3:10" ht="7.9" customHeight="1" x14ac:dyDescent="0.4">
      <c r="G34" s="29"/>
    </row>
    <row r="35" spans="3:10" ht="17.45" customHeight="1" x14ac:dyDescent="0.4">
      <c r="C35" s="54" t="s">
        <v>277</v>
      </c>
      <c r="G35" s="29"/>
      <c r="H35" s="29"/>
      <c r="I35" s="29"/>
      <c r="J35" s="29"/>
    </row>
    <row r="36" spans="3:10" ht="17.45" customHeight="1" x14ac:dyDescent="0.4">
      <c r="C36" s="54" t="s">
        <v>275</v>
      </c>
      <c r="G36" s="29"/>
      <c r="H36" s="29"/>
      <c r="I36" s="29"/>
      <c r="J36" s="29"/>
    </row>
    <row r="37" spans="3:10" ht="17.45" customHeight="1" x14ac:dyDescent="0.4">
      <c r="C37" s="54"/>
      <c r="G37" s="29"/>
      <c r="H37" s="29"/>
      <c r="I37" s="29"/>
      <c r="J37" s="29"/>
    </row>
    <row r="38" spans="3:10" ht="17.45" customHeight="1" x14ac:dyDescent="0.4">
      <c r="C38" s="1" t="s">
        <v>206</v>
      </c>
      <c r="G38" s="29"/>
    </row>
    <row r="39" spans="3:10" ht="17.45" customHeight="1" x14ac:dyDescent="0.4">
      <c r="G39" s="29"/>
    </row>
    <row r="40" spans="3:10" ht="17.45" customHeight="1" x14ac:dyDescent="0.4">
      <c r="D40" s="1" t="s">
        <v>280</v>
      </c>
      <c r="G40" s="29"/>
    </row>
    <row r="41" spans="3:10" ht="17.45" customHeight="1" x14ac:dyDescent="0.4"/>
    <row r="42" spans="3:10" ht="17.45" customHeight="1" x14ac:dyDescent="0.4"/>
  </sheetData>
  <phoneticPr fontId="2"/>
  <pageMargins left="0.70866141732283472" right="0.70866141732283472" top="0.74803149606299213" bottom="0.74803149606299213" header="0.31496062992125984" footer="0.31496062992125984"/>
  <pageSetup paperSize="9" orientation="portrait" r:id="rId1"/>
  <headerFooter>
    <oddFooter>&amp;C&amp;"ＭＳ Ｐ明朝,標準"-&amp;A-</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J46"/>
  <sheetViews>
    <sheetView view="pageBreakPreview" zoomScaleNormal="100" zoomScaleSheetLayoutView="100" workbookViewId="0"/>
  </sheetViews>
  <sheetFormatPr defaultColWidth="3.625" defaultRowHeight="17.25" customHeight="1" x14ac:dyDescent="0.4"/>
  <cols>
    <col min="1" max="1" width="2" style="1" customWidth="1"/>
    <col min="2" max="2" width="3.5" style="1" customWidth="1"/>
    <col min="3" max="4" width="3.625" style="1"/>
    <col min="5" max="5" width="2.625" style="1" customWidth="1"/>
    <col min="6" max="6" width="7.5" style="1" customWidth="1"/>
    <col min="7" max="7" width="9.625" style="1" customWidth="1"/>
    <col min="8" max="8" width="7.5" style="1" customWidth="1"/>
    <col min="9" max="9" width="3.75" style="1" customWidth="1"/>
    <col min="10" max="10" width="10" style="1" customWidth="1"/>
    <col min="11" max="13" width="7.5" style="1" customWidth="1"/>
    <col min="14" max="14" width="4" style="1" customWidth="1"/>
    <col min="15" max="15" width="1.25" style="1" customWidth="1"/>
    <col min="16" max="16" width="5" style="1" bestFit="1" customWidth="1"/>
    <col min="17" max="17" width="7.25" style="1" bestFit="1" customWidth="1"/>
    <col min="18" max="16384" width="3.625" style="1"/>
  </cols>
  <sheetData>
    <row r="4" spans="2:10" ht="7.15" customHeight="1" x14ac:dyDescent="0.4">
      <c r="G4" s="29"/>
    </row>
    <row r="5" spans="2:10" ht="17.45" customHeight="1" x14ac:dyDescent="0.4">
      <c r="B5" s="1" t="s">
        <v>191</v>
      </c>
      <c r="C5" s="54" t="s">
        <v>283</v>
      </c>
      <c r="G5" s="29"/>
      <c r="H5" s="29"/>
      <c r="I5" s="29"/>
      <c r="J5" s="29"/>
    </row>
    <row r="6" spans="2:10" ht="17.45" customHeight="1" x14ac:dyDescent="0.4">
      <c r="C6" s="54"/>
      <c r="D6" s="54" t="s">
        <v>229</v>
      </c>
      <c r="G6" s="29"/>
      <c r="H6" s="29"/>
      <c r="I6" s="29"/>
      <c r="J6" s="29"/>
    </row>
    <row r="7" spans="2:10" ht="17.45" customHeight="1" x14ac:dyDescent="0.4">
      <c r="C7" s="54"/>
      <c r="D7" s="54" t="s">
        <v>192</v>
      </c>
      <c r="G7" s="29"/>
      <c r="H7" s="29"/>
      <c r="I7" s="29"/>
      <c r="J7" s="29"/>
    </row>
    <row r="8" spans="2:10" ht="16.149999999999999" customHeight="1" x14ac:dyDescent="0.4">
      <c r="G8" s="29"/>
    </row>
    <row r="9" spans="2:10" ht="10.15" customHeight="1" x14ac:dyDescent="0.4">
      <c r="G9" s="29"/>
    </row>
    <row r="10" spans="2:10" ht="17.45" customHeight="1" x14ac:dyDescent="0.4">
      <c r="B10" s="1" t="s">
        <v>193</v>
      </c>
      <c r="C10" s="54" t="s">
        <v>227</v>
      </c>
      <c r="G10" s="29"/>
      <c r="H10" s="29"/>
      <c r="I10" s="29"/>
      <c r="J10" s="29"/>
    </row>
    <row r="11" spans="2:10" ht="17.45" customHeight="1" x14ac:dyDescent="0.4">
      <c r="C11" s="54" t="s">
        <v>284</v>
      </c>
      <c r="G11" s="29"/>
      <c r="H11" s="29"/>
      <c r="I11" s="29"/>
      <c r="J11" s="29"/>
    </row>
    <row r="12" spans="2:10" ht="17.45" customHeight="1" x14ac:dyDescent="0.4">
      <c r="C12" s="54"/>
      <c r="G12" s="29"/>
      <c r="H12" s="29"/>
      <c r="I12" s="29"/>
      <c r="J12" s="29"/>
    </row>
    <row r="13" spans="2:10" ht="17.45" customHeight="1" x14ac:dyDescent="0.4">
      <c r="C13" s="54"/>
      <c r="D13" s="54" t="s">
        <v>194</v>
      </c>
      <c r="G13" s="29"/>
      <c r="H13" s="29"/>
      <c r="I13" s="29"/>
      <c r="J13" s="29"/>
    </row>
    <row r="14" spans="2:10" ht="17.45" customHeight="1" x14ac:dyDescent="0.4">
      <c r="C14" s="54"/>
      <c r="D14" s="54" t="s">
        <v>195</v>
      </c>
      <c r="G14" s="29"/>
      <c r="H14" s="29"/>
      <c r="I14" s="29"/>
      <c r="J14" s="29"/>
    </row>
    <row r="15" spans="2:10" ht="17.45" customHeight="1" x14ac:dyDescent="0.4">
      <c r="D15" s="54" t="s">
        <v>196</v>
      </c>
      <c r="G15" s="29"/>
    </row>
    <row r="16" spans="2:10" ht="17.45" customHeight="1" x14ac:dyDescent="0.4">
      <c r="G16" s="29"/>
    </row>
    <row r="17" spans="2:4" ht="11.45" customHeight="1" x14ac:dyDescent="0.4"/>
    <row r="18" spans="2:4" ht="17.45" customHeight="1" x14ac:dyDescent="0.4">
      <c r="B18" s="1" t="s">
        <v>197</v>
      </c>
      <c r="C18" s="1" t="s">
        <v>285</v>
      </c>
    </row>
    <row r="19" spans="2:4" ht="17.25" customHeight="1" x14ac:dyDescent="0.4">
      <c r="C19" s="1" t="s">
        <v>198</v>
      </c>
    </row>
    <row r="21" spans="2:4" ht="17.25" customHeight="1" x14ac:dyDescent="0.4">
      <c r="D21" s="54" t="s">
        <v>199</v>
      </c>
    </row>
    <row r="22" spans="2:4" ht="17.25" customHeight="1" x14ac:dyDescent="0.4">
      <c r="D22" s="54" t="s">
        <v>200</v>
      </c>
    </row>
    <row r="23" spans="2:4" ht="17.25" customHeight="1" x14ac:dyDescent="0.4">
      <c r="D23" s="54" t="s">
        <v>201</v>
      </c>
    </row>
    <row r="24" spans="2:4" ht="17.25" customHeight="1" x14ac:dyDescent="0.4">
      <c r="D24" s="54" t="s">
        <v>203</v>
      </c>
    </row>
    <row r="25" spans="2:4" ht="17.25" customHeight="1" x14ac:dyDescent="0.4">
      <c r="D25" s="54" t="s">
        <v>204</v>
      </c>
    </row>
    <row r="26" spans="2:4" ht="17.25" customHeight="1" x14ac:dyDescent="0.4">
      <c r="C26" s="52"/>
    </row>
    <row r="27" spans="2:4" ht="17.25" customHeight="1" x14ac:dyDescent="0.4">
      <c r="D27" s="54" t="s">
        <v>202</v>
      </c>
    </row>
    <row r="28" spans="2:4" ht="7.9" customHeight="1" x14ac:dyDescent="0.4">
      <c r="C28" s="52"/>
    </row>
    <row r="29" spans="2:4" ht="14.45" customHeight="1" x14ac:dyDescent="0.4"/>
    <row r="30" spans="2:4" ht="17.25" customHeight="1" x14ac:dyDescent="0.4">
      <c r="C30" s="10" t="s">
        <v>276</v>
      </c>
    </row>
    <row r="31" spans="2:4" ht="10.9" customHeight="1" x14ac:dyDescent="0.4">
      <c r="C31" s="54"/>
    </row>
    <row r="32" spans="2:4" ht="17.25" customHeight="1" x14ac:dyDescent="0.4">
      <c r="C32" s="1" t="s">
        <v>207</v>
      </c>
    </row>
    <row r="33" spans="3:4" ht="7.9" customHeight="1" x14ac:dyDescent="0.4"/>
    <row r="34" spans="3:4" ht="17.25" customHeight="1" x14ac:dyDescent="0.4">
      <c r="C34" s="1" t="s">
        <v>208</v>
      </c>
    </row>
    <row r="35" spans="3:4" ht="17.25" customHeight="1" x14ac:dyDescent="0.4">
      <c r="C35" s="53" t="s">
        <v>286</v>
      </c>
    </row>
    <row r="36" spans="3:4" ht="17.25" customHeight="1" x14ac:dyDescent="0.4">
      <c r="C36" s="53" t="s">
        <v>246</v>
      </c>
    </row>
    <row r="37" spans="3:4" ht="17.25" customHeight="1" x14ac:dyDescent="0.4">
      <c r="C37" s="52"/>
    </row>
    <row r="38" spans="3:4" ht="17.25" customHeight="1" x14ac:dyDescent="0.4">
      <c r="C38" s="52"/>
      <c r="D38" s="1" t="s">
        <v>228</v>
      </c>
    </row>
    <row r="39" spans="3:4" ht="17.25" customHeight="1" x14ac:dyDescent="0.4">
      <c r="D39" s="54" t="s">
        <v>209</v>
      </c>
    </row>
    <row r="40" spans="3:4" ht="17.25" customHeight="1" x14ac:dyDescent="0.4">
      <c r="D40" s="54" t="s">
        <v>210</v>
      </c>
    </row>
    <row r="41" spans="3:4" ht="17.25" customHeight="1" x14ac:dyDescent="0.4">
      <c r="D41" s="54" t="s">
        <v>211</v>
      </c>
    </row>
    <row r="42" spans="3:4" ht="17.25" customHeight="1" x14ac:dyDescent="0.4">
      <c r="C42" s="52"/>
    </row>
    <row r="43" spans="3:4" ht="17.25" customHeight="1" x14ac:dyDescent="0.4">
      <c r="D43" s="54" t="s">
        <v>247</v>
      </c>
    </row>
    <row r="44" spans="3:4" ht="17.25" customHeight="1" x14ac:dyDescent="0.4">
      <c r="D44" s="1" t="s">
        <v>248</v>
      </c>
    </row>
    <row r="45" spans="3:4" ht="8.4499999999999993" customHeight="1" x14ac:dyDescent="0.4"/>
    <row r="46" spans="3:4" ht="17.25" customHeight="1" x14ac:dyDescent="0.4">
      <c r="D46" s="1" t="s">
        <v>183</v>
      </c>
    </row>
  </sheetData>
  <phoneticPr fontId="2"/>
  <pageMargins left="0.70866141732283472" right="0.70866141732283472" top="0.74803149606299213" bottom="0.74803149606299213" header="0.31496062992125984" footer="0.31496062992125984"/>
  <pageSetup paperSize="9" orientation="portrait" r:id="rId1"/>
  <headerFooter>
    <oddFooter>&amp;C&amp;"ＭＳ Ｐ明朝,標準"-&amp;A-</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4:J32"/>
  <sheetViews>
    <sheetView zoomScaleNormal="100" workbookViewId="0"/>
  </sheetViews>
  <sheetFormatPr defaultColWidth="3.625" defaultRowHeight="17.25" customHeight="1" x14ac:dyDescent="0.4"/>
  <cols>
    <col min="1" max="1" width="2" style="1" customWidth="1"/>
    <col min="2" max="2" width="3.5" style="1" customWidth="1"/>
    <col min="3" max="4" width="3.625" style="1"/>
    <col min="5" max="5" width="2.625" style="1" customWidth="1"/>
    <col min="6" max="6" width="7.5" style="1" customWidth="1"/>
    <col min="7" max="7" width="9.625" style="1" customWidth="1"/>
    <col min="8" max="8" width="7.5" style="1" customWidth="1"/>
    <col min="9" max="9" width="3.75" style="1" customWidth="1"/>
    <col min="10" max="10" width="10" style="1" customWidth="1"/>
    <col min="11" max="13" width="7.5" style="1" customWidth="1"/>
    <col min="14" max="14" width="4" style="1" customWidth="1"/>
    <col min="15" max="15" width="1.25" style="1" customWidth="1"/>
    <col min="16" max="16" width="5" style="1" bestFit="1" customWidth="1"/>
    <col min="17" max="17" width="7.25" style="1" bestFit="1" customWidth="1"/>
    <col min="18" max="16384" width="3.625" style="1"/>
  </cols>
  <sheetData>
    <row r="4" spans="1:10" ht="7.15" customHeight="1" x14ac:dyDescent="0.4">
      <c r="G4" s="29"/>
    </row>
    <row r="5" spans="1:10" ht="17.45" customHeight="1" x14ac:dyDescent="0.4">
      <c r="C5" s="54" t="s">
        <v>279</v>
      </c>
      <c r="G5" s="29"/>
      <c r="H5" s="29"/>
      <c r="I5" s="29"/>
      <c r="J5" s="29"/>
    </row>
    <row r="6" spans="1:10" ht="17.45" customHeight="1" x14ac:dyDescent="0.4">
      <c r="C6" s="54" t="s">
        <v>278</v>
      </c>
      <c r="G6" s="29"/>
      <c r="H6" s="29"/>
      <c r="I6" s="29"/>
      <c r="J6" s="29"/>
    </row>
    <row r="7" spans="1:10" ht="17.45" customHeight="1" x14ac:dyDescent="0.4">
      <c r="C7" s="54"/>
      <c r="D7" s="54"/>
      <c r="G7" s="29"/>
      <c r="H7" s="29"/>
      <c r="I7" s="29"/>
      <c r="J7" s="29"/>
    </row>
    <row r="8" spans="1:10" ht="17.45" customHeight="1" x14ac:dyDescent="0.4">
      <c r="C8" s="54"/>
      <c r="D8" s="54" t="s">
        <v>212</v>
      </c>
      <c r="G8" s="29"/>
      <c r="H8" s="29"/>
      <c r="I8" s="29"/>
      <c r="J8" s="29"/>
    </row>
    <row r="9" spans="1:10" ht="17.45" customHeight="1" x14ac:dyDescent="0.4">
      <c r="G9" s="29"/>
    </row>
    <row r="10" spans="1:10" ht="17.45" customHeight="1" x14ac:dyDescent="0.4">
      <c r="D10" s="1" t="s">
        <v>281</v>
      </c>
      <c r="G10" s="29"/>
    </row>
    <row r="11" spans="1:10" ht="17.45" customHeight="1" x14ac:dyDescent="0.4">
      <c r="A11" s="1" t="s">
        <v>213</v>
      </c>
      <c r="G11" s="29"/>
    </row>
    <row r="12" spans="1:10" ht="10.15" customHeight="1" x14ac:dyDescent="0.4">
      <c r="G12" s="29"/>
    </row>
    <row r="13" spans="1:10" ht="17.45" customHeight="1" x14ac:dyDescent="0.4">
      <c r="B13" s="1" t="s">
        <v>191</v>
      </c>
      <c r="C13" s="54" t="s">
        <v>287</v>
      </c>
      <c r="G13" s="29"/>
      <c r="H13" s="29"/>
      <c r="I13" s="29"/>
      <c r="J13" s="29"/>
    </row>
    <row r="14" spans="1:10" ht="17.45" customHeight="1" x14ac:dyDescent="0.4">
      <c r="C14" s="54" t="s">
        <v>214</v>
      </c>
      <c r="G14" s="29"/>
      <c r="H14" s="29"/>
      <c r="I14" s="29"/>
      <c r="J14" s="29"/>
    </row>
    <row r="15" spans="1:10" ht="17.45" customHeight="1" x14ac:dyDescent="0.4">
      <c r="C15" s="54"/>
      <c r="G15" s="29"/>
      <c r="H15" s="29"/>
      <c r="I15" s="29"/>
      <c r="J15" s="29"/>
    </row>
    <row r="16" spans="1:10" ht="17.45" customHeight="1" x14ac:dyDescent="0.4">
      <c r="C16" s="54"/>
      <c r="D16" s="52" t="s">
        <v>229</v>
      </c>
      <c r="G16" s="29"/>
      <c r="H16" s="29"/>
      <c r="I16" s="29"/>
      <c r="J16" s="29"/>
    </row>
    <row r="17" spans="2:10" ht="17.45" customHeight="1" x14ac:dyDescent="0.4">
      <c r="C17" s="54"/>
      <c r="D17" s="52" t="s">
        <v>192</v>
      </c>
      <c r="G17" s="29"/>
      <c r="H17" s="29"/>
      <c r="I17" s="29"/>
      <c r="J17" s="29"/>
    </row>
    <row r="18" spans="2:10" ht="17.45" customHeight="1" x14ac:dyDescent="0.4">
      <c r="G18" s="29"/>
    </row>
    <row r="19" spans="2:10" ht="4.9000000000000004" customHeight="1" x14ac:dyDescent="0.4">
      <c r="G19" s="29"/>
    </row>
    <row r="20" spans="2:10" ht="11.45" customHeight="1" x14ac:dyDescent="0.4"/>
    <row r="21" spans="2:10" ht="17.45" customHeight="1" x14ac:dyDescent="0.4">
      <c r="B21" s="1" t="s">
        <v>193</v>
      </c>
      <c r="C21" s="1" t="s">
        <v>288</v>
      </c>
    </row>
    <row r="22" spans="2:10" ht="17.25" customHeight="1" x14ac:dyDescent="0.4">
      <c r="C22" s="1" t="s">
        <v>198</v>
      </c>
    </row>
    <row r="24" spans="2:10" ht="17.25" customHeight="1" x14ac:dyDescent="0.4">
      <c r="D24" s="54" t="s">
        <v>199</v>
      </c>
    </row>
    <row r="25" spans="2:10" ht="17.25" customHeight="1" x14ac:dyDescent="0.4">
      <c r="D25" s="54" t="s">
        <v>200</v>
      </c>
    </row>
    <row r="26" spans="2:10" ht="17.25" customHeight="1" x14ac:dyDescent="0.4">
      <c r="D26" s="54" t="s">
        <v>201</v>
      </c>
    </row>
    <row r="27" spans="2:10" ht="17.25" customHeight="1" x14ac:dyDescent="0.4">
      <c r="D27" s="54" t="s">
        <v>203</v>
      </c>
    </row>
    <row r="28" spans="2:10" ht="17.25" customHeight="1" x14ac:dyDescent="0.4">
      <c r="D28" s="54" t="s">
        <v>204</v>
      </c>
    </row>
    <row r="29" spans="2:10" ht="17.25" customHeight="1" x14ac:dyDescent="0.4">
      <c r="C29" s="52"/>
    </row>
    <row r="30" spans="2:10" ht="17.25" customHeight="1" x14ac:dyDescent="0.4">
      <c r="D30" s="54" t="s">
        <v>215</v>
      </c>
    </row>
    <row r="31" spans="2:10" ht="17.25" customHeight="1" x14ac:dyDescent="0.4">
      <c r="D31" s="54" t="s">
        <v>216</v>
      </c>
    </row>
    <row r="32" spans="2:10" ht="7.9" customHeight="1" x14ac:dyDescent="0.4">
      <c r="C32" s="52"/>
    </row>
  </sheetData>
  <phoneticPr fontId="2"/>
  <pageMargins left="0.70866141732283472" right="0.70866141732283472" top="0.74803149606299213" bottom="0.74803149606299213" header="0.31496062992125984" footer="0.31496062992125984"/>
  <pageSetup paperSize="9" orientation="portrait" r:id="rId1"/>
  <headerFooter>
    <oddFooter>&amp;C&amp;"ＭＳ Ｐ明朝,標準"-&amp;A-</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H17:J45"/>
  <sheetViews>
    <sheetView zoomScaleNormal="100" workbookViewId="0"/>
  </sheetViews>
  <sheetFormatPr defaultColWidth="3.625" defaultRowHeight="13.5" x14ac:dyDescent="0.4"/>
  <cols>
    <col min="1" max="16384" width="3.625" style="1"/>
  </cols>
  <sheetData>
    <row r="17" spans="8:10" ht="28.5" x14ac:dyDescent="0.4">
      <c r="H17" s="8" t="s">
        <v>93</v>
      </c>
    </row>
    <row r="19" spans="8:10" ht="28.5" x14ac:dyDescent="0.4">
      <c r="J19" s="4"/>
    </row>
    <row r="45" spans="10:10" ht="24" x14ac:dyDescent="0.4">
      <c r="J45" s="3"/>
    </row>
  </sheetData>
  <phoneticPr fontId="2"/>
  <pageMargins left="0.7" right="0.7" top="0.75" bottom="0.75" header="0.3" footer="0.3"/>
  <pageSetup paperSize="9" orientation="portrait"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G14:J42"/>
  <sheetViews>
    <sheetView zoomScaleNormal="100" workbookViewId="0"/>
  </sheetViews>
  <sheetFormatPr defaultColWidth="3.625" defaultRowHeight="13.5" x14ac:dyDescent="0.4"/>
  <cols>
    <col min="1" max="16384" width="3.625" style="1"/>
  </cols>
  <sheetData>
    <row r="14" spans="7:9" ht="28.5" x14ac:dyDescent="0.4">
      <c r="G14" s="4"/>
    </row>
    <row r="16" spans="7:9" ht="28.5" x14ac:dyDescent="0.4">
      <c r="I16" s="4"/>
    </row>
    <row r="42" spans="10:10" ht="24" x14ac:dyDescent="0.4">
      <c r="J42" s="3"/>
    </row>
  </sheetData>
  <phoneticPr fontId="2"/>
  <pageMargins left="0.7" right="0.7" top="0.75" bottom="0.75" header="0.3" footer="0.3"/>
  <pageSetup paperSize="9" orientation="portrait"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O35"/>
  <sheetViews>
    <sheetView zoomScale="130" zoomScaleNormal="130" workbookViewId="0"/>
  </sheetViews>
  <sheetFormatPr defaultColWidth="3.625" defaultRowHeight="19.5" customHeight="1" x14ac:dyDescent="0.4"/>
  <cols>
    <col min="1" max="1" width="2" style="1" customWidth="1"/>
    <col min="2" max="2" width="3.5" style="1" customWidth="1"/>
    <col min="3" max="4" width="3.625" style="1"/>
    <col min="5" max="5" width="2.625" style="1" customWidth="1"/>
    <col min="6" max="6" width="7.5" style="1" customWidth="1"/>
    <col min="7" max="7" width="8.625" style="1" customWidth="1"/>
    <col min="8" max="8" width="7.5" style="1" customWidth="1"/>
    <col min="9" max="9" width="3.75" style="1" customWidth="1"/>
    <col min="10" max="10" width="10" style="1" customWidth="1"/>
    <col min="11" max="13" width="7.5" style="1" customWidth="1"/>
    <col min="14" max="14" width="3.625" style="1"/>
    <col min="15" max="15" width="1.25" style="1" customWidth="1"/>
    <col min="16" max="16" width="5" style="1" bestFit="1" customWidth="1"/>
    <col min="17" max="17" width="7.25" style="1" bestFit="1" customWidth="1"/>
    <col min="18" max="16384" width="3.625" style="1"/>
  </cols>
  <sheetData>
    <row r="4" spans="2:3" ht="19.5" customHeight="1" x14ac:dyDescent="0.4">
      <c r="B4" s="59" t="s">
        <v>256</v>
      </c>
      <c r="C4" s="10" t="s">
        <v>175</v>
      </c>
    </row>
    <row r="6" spans="2:3" ht="19.5" customHeight="1" x14ac:dyDescent="0.4">
      <c r="B6" s="31"/>
      <c r="C6" s="1" t="s">
        <v>230</v>
      </c>
    </row>
    <row r="7" spans="2:3" ht="19.5" customHeight="1" x14ac:dyDescent="0.4">
      <c r="B7" s="31"/>
      <c r="C7" s="1" t="s">
        <v>269</v>
      </c>
    </row>
    <row r="8" spans="2:3" ht="19.5" customHeight="1" x14ac:dyDescent="0.4">
      <c r="B8" s="31"/>
      <c r="C8" s="1" t="s">
        <v>270</v>
      </c>
    </row>
    <row r="9" spans="2:3" ht="6" customHeight="1" x14ac:dyDescent="0.4"/>
    <row r="10" spans="2:3" ht="19.5" customHeight="1" x14ac:dyDescent="0.4">
      <c r="C10" s="1" t="s">
        <v>231</v>
      </c>
    </row>
    <row r="11" spans="2:3" ht="19.5" customHeight="1" x14ac:dyDescent="0.4">
      <c r="C11" s="1" t="s">
        <v>232</v>
      </c>
    </row>
    <row r="17" spans="2:15" ht="19.5" customHeight="1" x14ac:dyDescent="0.4">
      <c r="C17" s="1" t="s">
        <v>233</v>
      </c>
    </row>
    <row r="18" spans="2:15" ht="19.5" customHeight="1" x14ac:dyDescent="0.4">
      <c r="C18" s="1" t="s">
        <v>253</v>
      </c>
    </row>
    <row r="19" spans="2:15" ht="19.5" customHeight="1" x14ac:dyDescent="0.4">
      <c r="C19" s="64" t="s">
        <v>289</v>
      </c>
      <c r="D19" s="5"/>
      <c r="E19" s="5"/>
      <c r="F19" s="5"/>
      <c r="G19" s="5"/>
      <c r="H19" s="5"/>
      <c r="I19" s="5"/>
      <c r="J19" s="5"/>
      <c r="K19" s="5"/>
      <c r="L19" s="5"/>
      <c r="M19" s="5"/>
      <c r="N19" s="5"/>
      <c r="O19" s="5"/>
    </row>
    <row r="20" spans="2:15" ht="19.5" customHeight="1" x14ac:dyDescent="0.4">
      <c r="C20" s="1" t="s">
        <v>254</v>
      </c>
    </row>
    <row r="21" spans="2:15" ht="19.5" customHeight="1" x14ac:dyDescent="0.4">
      <c r="C21" s="1" t="s">
        <v>255</v>
      </c>
    </row>
    <row r="22" spans="2:15" ht="19.5" customHeight="1" x14ac:dyDescent="0.4">
      <c r="C22" s="58"/>
    </row>
    <row r="31" spans="2:15" ht="15.75" customHeight="1" x14ac:dyDescent="0.4"/>
    <row r="32" spans="2:15" ht="19.5" customHeight="1" x14ac:dyDescent="0.4">
      <c r="B32" s="31"/>
      <c r="C32" s="10"/>
    </row>
    <row r="33" spans="2:2" ht="19.5" customHeight="1" x14ac:dyDescent="0.4">
      <c r="B33" s="11"/>
    </row>
    <row r="34" spans="2:2" ht="19.5" customHeight="1" x14ac:dyDescent="0.4">
      <c r="B34" s="11"/>
    </row>
    <row r="35" spans="2:2" ht="19.5" customHeight="1" x14ac:dyDescent="0.4">
      <c r="B35" s="10"/>
    </row>
  </sheetData>
  <phoneticPr fontId="2"/>
  <pageMargins left="0.70866141732283472" right="0.70866141732283472" top="0.74803149606299213" bottom="0.74803149606299213" header="0.31496062992125984" footer="0.31496062992125984"/>
  <pageSetup paperSize="9" orientation="portrait" r:id="rId1"/>
  <headerFooter>
    <oddFooter>&amp;C&amp;"ＭＳ Ｐ明朝,標準"-&amp;A-</oddFooter>
  </headerFooter>
  <drawing r:id="rId2"/>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C40"/>
  <sheetViews>
    <sheetView zoomScale="115" zoomScaleNormal="115" workbookViewId="0"/>
  </sheetViews>
  <sheetFormatPr defaultColWidth="3.625" defaultRowHeight="19.5" customHeight="1" x14ac:dyDescent="0.4"/>
  <cols>
    <col min="1" max="1" width="2" style="1" customWidth="1"/>
    <col min="2" max="2" width="3.5" style="1" customWidth="1"/>
    <col min="3" max="4" width="3.625" style="1"/>
    <col min="5" max="5" width="2.625" style="1" customWidth="1"/>
    <col min="6" max="6" width="7.5" style="1" customWidth="1"/>
    <col min="7" max="7" width="8.625" style="1" customWidth="1"/>
    <col min="8" max="8" width="7.5" style="1" customWidth="1"/>
    <col min="9" max="9" width="3.75" style="1" customWidth="1"/>
    <col min="10" max="10" width="10" style="1" customWidth="1"/>
    <col min="11" max="13" width="7.5" style="1" customWidth="1"/>
    <col min="14" max="14" width="3.625" style="1"/>
    <col min="15" max="15" width="1.25" style="1" customWidth="1"/>
    <col min="16" max="16" width="5" style="1" bestFit="1" customWidth="1"/>
    <col min="17" max="17" width="7.25" style="1" bestFit="1" customWidth="1"/>
    <col min="18" max="16384" width="3.625" style="1"/>
  </cols>
  <sheetData>
    <row r="4" spans="2:3" ht="19.5" customHeight="1" x14ac:dyDescent="0.4">
      <c r="B4" s="31"/>
      <c r="C4" s="10"/>
    </row>
    <row r="5" spans="2:3" ht="19.5" customHeight="1" x14ac:dyDescent="0.4">
      <c r="B5" s="31"/>
      <c r="C5" s="10"/>
    </row>
    <row r="6" spans="2:3" ht="19.5" customHeight="1" x14ac:dyDescent="0.4">
      <c r="C6" s="1" t="s">
        <v>243</v>
      </c>
    </row>
    <row r="7" spans="2:3" ht="6" customHeight="1" x14ac:dyDescent="0.4"/>
    <row r="36" spans="2:3" ht="15.75" customHeight="1" x14ac:dyDescent="0.4"/>
    <row r="37" spans="2:3" ht="19.5" customHeight="1" x14ac:dyDescent="0.4">
      <c r="B37" s="31"/>
      <c r="C37" s="10"/>
    </row>
    <row r="38" spans="2:3" ht="19.5" customHeight="1" x14ac:dyDescent="0.4">
      <c r="B38" s="11"/>
    </row>
    <row r="39" spans="2:3" ht="19.5" customHeight="1" x14ac:dyDescent="0.4">
      <c r="B39" s="11"/>
    </row>
    <row r="40" spans="2:3" ht="19.5" customHeight="1" x14ac:dyDescent="0.4">
      <c r="B40" s="10"/>
    </row>
  </sheetData>
  <phoneticPr fontId="2"/>
  <pageMargins left="0.70866141732283472" right="0.70866141732283472" top="0.74803149606299213" bottom="0.74803149606299213" header="0.31496062992125984" footer="0.31496062992125984"/>
  <pageSetup paperSize="9" orientation="portrait" r:id="rId1"/>
  <headerFooter>
    <oddFooter>&amp;C&amp;"ＭＳ Ｐ明朝,標準"-&amp;A-</oddFooter>
  </headerFooter>
  <drawing r:id="rId2"/>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C40"/>
  <sheetViews>
    <sheetView zoomScale="115" zoomScaleNormal="115" workbookViewId="0"/>
  </sheetViews>
  <sheetFormatPr defaultColWidth="3.625" defaultRowHeight="19.5" customHeight="1" x14ac:dyDescent="0.4"/>
  <cols>
    <col min="1" max="1" width="2" style="1" customWidth="1"/>
    <col min="2" max="2" width="3.5" style="1" customWidth="1"/>
    <col min="3" max="4" width="3.625" style="1"/>
    <col min="5" max="5" width="2.625" style="1" customWidth="1"/>
    <col min="6" max="6" width="7.5" style="1" customWidth="1"/>
    <col min="7" max="7" width="8.625" style="1" customWidth="1"/>
    <col min="8" max="8" width="7.5" style="1" customWidth="1"/>
    <col min="9" max="9" width="3.75" style="1" customWidth="1"/>
    <col min="10" max="10" width="10" style="1" customWidth="1"/>
    <col min="11" max="13" width="7.5" style="1" customWidth="1"/>
    <col min="14" max="14" width="3.625" style="1"/>
    <col min="15" max="15" width="1.25" style="1" customWidth="1"/>
    <col min="16" max="16" width="5" style="1" bestFit="1" customWidth="1"/>
    <col min="17" max="17" width="7.25" style="1" bestFit="1" customWidth="1"/>
    <col min="18" max="16384" width="3.625" style="1"/>
  </cols>
  <sheetData>
    <row r="4" spans="2:3" ht="19.5" customHeight="1" x14ac:dyDescent="0.4">
      <c r="B4" s="31"/>
    </row>
    <row r="5" spans="2:3" ht="19.5" customHeight="1" x14ac:dyDescent="0.4">
      <c r="B5" s="31"/>
    </row>
    <row r="6" spans="2:3" ht="19.5" customHeight="1" x14ac:dyDescent="0.4">
      <c r="C6" s="1" t="s">
        <v>244</v>
      </c>
    </row>
    <row r="7" spans="2:3" ht="6" customHeight="1" x14ac:dyDescent="0.4"/>
    <row r="36" spans="2:3" ht="15.75" customHeight="1" x14ac:dyDescent="0.4"/>
    <row r="37" spans="2:3" ht="19.5" customHeight="1" x14ac:dyDescent="0.4">
      <c r="B37" s="31"/>
      <c r="C37" s="10"/>
    </row>
    <row r="38" spans="2:3" ht="19.5" customHeight="1" x14ac:dyDescent="0.4">
      <c r="B38" s="11"/>
    </row>
    <row r="39" spans="2:3" ht="19.5" customHeight="1" x14ac:dyDescent="0.4">
      <c r="B39" s="11"/>
    </row>
    <row r="40" spans="2:3" ht="19.5" customHeight="1" x14ac:dyDescent="0.4">
      <c r="B40" s="10"/>
    </row>
  </sheetData>
  <phoneticPr fontId="2"/>
  <pageMargins left="0.70866141732283472" right="0.70866141732283472" top="0.74803149606299213" bottom="0.74803149606299213" header="0.31496062992125984" footer="0.31496062992125984"/>
  <pageSetup paperSize="9" orientation="portrait" r:id="rId1"/>
  <headerFooter>
    <oddFooter>&amp;C&amp;"ＭＳ Ｐ明朝,標準"-&amp;A-</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G14:J42"/>
  <sheetViews>
    <sheetView zoomScaleNormal="100" workbookViewId="0"/>
  </sheetViews>
  <sheetFormatPr defaultColWidth="3.625" defaultRowHeight="13.5" x14ac:dyDescent="0.4"/>
  <cols>
    <col min="1" max="16384" width="3.625" style="1"/>
  </cols>
  <sheetData>
    <row r="14" spans="7:9" ht="28.5" x14ac:dyDescent="0.4">
      <c r="G14" s="4"/>
    </row>
    <row r="16" spans="7:9" ht="28.5" x14ac:dyDescent="0.4">
      <c r="I16" s="4"/>
    </row>
    <row r="42" spans="10:10" ht="24" x14ac:dyDescent="0.4">
      <c r="J42" s="3"/>
    </row>
  </sheetData>
  <phoneticPr fontId="2"/>
  <pageMargins left="0.7" right="0.7" top="0.75" bottom="0.75" header="0.3" footer="0.3"/>
  <pageSetup paperSize="9" orientation="portrait" r:id="rId1"/>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4:C40"/>
  <sheetViews>
    <sheetView zoomScale="115" zoomScaleNormal="115" workbookViewId="0"/>
  </sheetViews>
  <sheetFormatPr defaultColWidth="3.625" defaultRowHeight="19.5" customHeight="1" x14ac:dyDescent="0.4"/>
  <cols>
    <col min="1" max="1" width="2" style="1" customWidth="1"/>
    <col min="2" max="2" width="3.5" style="1" customWidth="1"/>
    <col min="3" max="4" width="3.625" style="1"/>
    <col min="5" max="5" width="2.625" style="1" customWidth="1"/>
    <col min="6" max="6" width="7.5" style="1" customWidth="1"/>
    <col min="7" max="7" width="8.625" style="1" customWidth="1"/>
    <col min="8" max="8" width="7.5" style="1" customWidth="1"/>
    <col min="9" max="9" width="3.75" style="1" customWidth="1"/>
    <col min="10" max="10" width="10" style="1" customWidth="1"/>
    <col min="11" max="13" width="7.5" style="1" customWidth="1"/>
    <col min="14" max="14" width="3.625" style="1"/>
    <col min="15" max="15" width="1.25" style="1" customWidth="1"/>
    <col min="16" max="16" width="5" style="1" bestFit="1" customWidth="1"/>
    <col min="17" max="17" width="7.25" style="1" bestFit="1" customWidth="1"/>
    <col min="18" max="16384" width="3.625" style="1"/>
  </cols>
  <sheetData>
    <row r="4" spans="2:2" ht="19.5" customHeight="1" x14ac:dyDescent="0.4">
      <c r="B4" s="31"/>
    </row>
    <row r="5" spans="2:2" ht="19.5" customHeight="1" x14ac:dyDescent="0.4">
      <c r="B5" s="31"/>
    </row>
    <row r="7" spans="2:2" ht="6" customHeight="1" x14ac:dyDescent="0.4"/>
    <row r="36" spans="2:3" ht="15.75" customHeight="1" x14ac:dyDescent="0.4"/>
    <row r="37" spans="2:3" ht="19.5" customHeight="1" x14ac:dyDescent="0.4">
      <c r="B37" s="31"/>
      <c r="C37" s="10"/>
    </row>
    <row r="38" spans="2:3" ht="19.5" customHeight="1" x14ac:dyDescent="0.4">
      <c r="B38" s="11"/>
    </row>
    <row r="39" spans="2:3" ht="19.5" customHeight="1" x14ac:dyDescent="0.4">
      <c r="B39" s="11"/>
    </row>
    <row r="40" spans="2:3" ht="19.5" customHeight="1" x14ac:dyDescent="0.4">
      <c r="B40" s="10"/>
    </row>
  </sheetData>
  <phoneticPr fontId="2"/>
  <pageMargins left="0.70866141732283472" right="0.70866141732283472" top="0.74803149606299213" bottom="0.74803149606299213" header="0.31496062992125984" footer="0.31496062992125984"/>
  <pageSetup paperSize="9" orientation="portrait" r:id="rId1"/>
  <headerFooter>
    <oddFooter>&amp;C&amp;"ＭＳ Ｐ明朝,標準"-&amp;A-</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V36"/>
  <sheetViews>
    <sheetView zoomScaleNormal="100" workbookViewId="0"/>
  </sheetViews>
  <sheetFormatPr defaultColWidth="3.625" defaultRowHeight="19.5" customHeight="1" x14ac:dyDescent="0.4"/>
  <cols>
    <col min="1" max="1" width="2.25" style="1" customWidth="1"/>
    <col min="2" max="2" width="3.625" style="1"/>
    <col min="3" max="3" width="4.375" style="1" customWidth="1"/>
    <col min="4" max="19" width="3.625" style="1"/>
    <col min="20" max="20" width="2.25" style="1" customWidth="1"/>
    <col min="21" max="21" width="4.125" style="1" customWidth="1"/>
    <col min="22" max="16384" width="3.625" style="1"/>
  </cols>
  <sheetData>
    <row r="2" spans="1:22" ht="19.5" customHeight="1" x14ac:dyDescent="0.4">
      <c r="A2" s="66" t="s">
        <v>0</v>
      </c>
      <c r="B2" s="66"/>
      <c r="C2" s="66"/>
      <c r="D2" s="66"/>
      <c r="E2" s="66"/>
      <c r="F2" s="66"/>
      <c r="G2" s="66"/>
      <c r="H2" s="66"/>
      <c r="I2" s="66"/>
      <c r="J2" s="66"/>
      <c r="K2" s="66"/>
      <c r="L2" s="66"/>
      <c r="M2" s="66"/>
      <c r="N2" s="66"/>
      <c r="O2" s="66"/>
      <c r="P2" s="66"/>
      <c r="Q2" s="66"/>
      <c r="R2" s="66"/>
      <c r="S2" s="66"/>
      <c r="T2" s="66"/>
      <c r="U2" s="66"/>
      <c r="V2" s="66"/>
    </row>
    <row r="4" spans="1:22" ht="19.5" customHeight="1" x14ac:dyDescent="0.4">
      <c r="B4" s="1" t="s">
        <v>31</v>
      </c>
    </row>
    <row r="5" spans="1:22" ht="19.5" customHeight="1" x14ac:dyDescent="0.4">
      <c r="B5" s="60" t="s">
        <v>256</v>
      </c>
      <c r="D5" s="1" t="s">
        <v>32</v>
      </c>
      <c r="I5" s="1" t="s">
        <v>60</v>
      </c>
      <c r="U5" s="1">
        <v>1</v>
      </c>
    </row>
    <row r="6" spans="1:22" ht="19.5" customHeight="1" x14ac:dyDescent="0.4">
      <c r="B6" s="60" t="s">
        <v>258</v>
      </c>
      <c r="D6" s="1" t="s">
        <v>33</v>
      </c>
      <c r="G6" s="1" t="s">
        <v>59</v>
      </c>
      <c r="U6" s="1">
        <v>1</v>
      </c>
    </row>
    <row r="7" spans="1:22" ht="19.5" customHeight="1" x14ac:dyDescent="0.4">
      <c r="B7" s="60" t="s">
        <v>259</v>
      </c>
      <c r="D7" s="1" t="s">
        <v>2</v>
      </c>
      <c r="G7" s="1" t="s">
        <v>58</v>
      </c>
      <c r="U7" s="1">
        <v>1</v>
      </c>
    </row>
    <row r="8" spans="1:22" ht="19.5" customHeight="1" x14ac:dyDescent="0.4">
      <c r="B8" s="60" t="s">
        <v>257</v>
      </c>
      <c r="D8" s="1" t="s">
        <v>1</v>
      </c>
      <c r="G8" s="1" t="s">
        <v>58</v>
      </c>
      <c r="U8" s="1">
        <v>3</v>
      </c>
    </row>
    <row r="9" spans="1:22" ht="19.5" customHeight="1" x14ac:dyDescent="0.4">
      <c r="B9" s="60" t="s">
        <v>260</v>
      </c>
      <c r="D9" s="1" t="s">
        <v>174</v>
      </c>
      <c r="G9" s="1" t="s">
        <v>58</v>
      </c>
      <c r="U9" s="1">
        <v>3</v>
      </c>
    </row>
    <row r="10" spans="1:22" ht="19.5" customHeight="1" x14ac:dyDescent="0.4">
      <c r="B10" s="60" t="s">
        <v>261</v>
      </c>
      <c r="D10" s="1" t="s">
        <v>173</v>
      </c>
      <c r="I10" s="1" t="s">
        <v>60</v>
      </c>
      <c r="U10" s="1">
        <v>4</v>
      </c>
    </row>
    <row r="11" spans="1:22" ht="19.5" customHeight="1" x14ac:dyDescent="0.4">
      <c r="B11" s="45"/>
      <c r="C11" s="61" t="s">
        <v>262</v>
      </c>
      <c r="D11" s="1" t="s">
        <v>173</v>
      </c>
      <c r="I11" s="1" t="s">
        <v>60</v>
      </c>
      <c r="U11" s="1">
        <v>4</v>
      </c>
    </row>
    <row r="12" spans="1:22" ht="19.5" customHeight="1" x14ac:dyDescent="0.4">
      <c r="B12" s="45"/>
      <c r="C12" s="61" t="s">
        <v>263</v>
      </c>
      <c r="D12" s="1" t="s">
        <v>217</v>
      </c>
      <c r="I12" s="1" t="s">
        <v>60</v>
      </c>
      <c r="U12" s="1">
        <v>4</v>
      </c>
    </row>
    <row r="13" spans="1:22" ht="19.5" customHeight="1" x14ac:dyDescent="0.4">
      <c r="B13" s="45"/>
      <c r="C13" s="61" t="s">
        <v>264</v>
      </c>
      <c r="D13" s="1" t="s">
        <v>218</v>
      </c>
      <c r="J13" s="1" t="s">
        <v>219</v>
      </c>
      <c r="U13" s="1">
        <v>5</v>
      </c>
    </row>
    <row r="14" spans="1:22" ht="19.5" customHeight="1" x14ac:dyDescent="0.4">
      <c r="C14" s="62"/>
    </row>
    <row r="15" spans="1:22" ht="19.5" customHeight="1" x14ac:dyDescent="0.4">
      <c r="B15" s="1" t="s">
        <v>34</v>
      </c>
    </row>
    <row r="16" spans="1:22" ht="19.5" customHeight="1" x14ac:dyDescent="0.4">
      <c r="B16" s="60" t="s">
        <v>256</v>
      </c>
      <c r="D16" s="1" t="s">
        <v>175</v>
      </c>
      <c r="L16" s="1" t="s">
        <v>273</v>
      </c>
      <c r="U16" s="1">
        <v>7</v>
      </c>
    </row>
    <row r="17" spans="2:21" ht="19.5" customHeight="1" x14ac:dyDescent="0.4">
      <c r="B17" s="60" t="s">
        <v>258</v>
      </c>
      <c r="D17" s="1" t="s">
        <v>94</v>
      </c>
      <c r="F17" s="1" t="s">
        <v>274</v>
      </c>
      <c r="U17" s="1">
        <v>11</v>
      </c>
    </row>
    <row r="18" spans="2:21" ht="19.5" customHeight="1" x14ac:dyDescent="0.4">
      <c r="C18" s="61" t="s">
        <v>262</v>
      </c>
      <c r="D18" s="7" t="s">
        <v>36</v>
      </c>
      <c r="G18" s="1" t="s">
        <v>59</v>
      </c>
      <c r="U18" s="1">
        <v>11</v>
      </c>
    </row>
    <row r="19" spans="2:21" ht="19.5" customHeight="1" x14ac:dyDescent="0.4">
      <c r="C19" s="57" t="s">
        <v>220</v>
      </c>
      <c r="D19" s="1" t="s">
        <v>127</v>
      </c>
      <c r="K19" s="1" t="s">
        <v>125</v>
      </c>
      <c r="U19" s="1">
        <v>11</v>
      </c>
    </row>
    <row r="20" spans="2:21" ht="19.5" customHeight="1" x14ac:dyDescent="0.4">
      <c r="C20" s="57" t="s">
        <v>220</v>
      </c>
      <c r="D20" s="1" t="s">
        <v>128</v>
      </c>
      <c r="K20" s="1" t="s">
        <v>125</v>
      </c>
      <c r="U20" s="1">
        <v>12</v>
      </c>
    </row>
    <row r="21" spans="2:21" ht="19.5" customHeight="1" x14ac:dyDescent="0.4">
      <c r="C21" s="57" t="s">
        <v>220</v>
      </c>
      <c r="D21" s="1" t="s">
        <v>129</v>
      </c>
      <c r="K21" s="1" t="s">
        <v>125</v>
      </c>
      <c r="U21" s="1">
        <v>14</v>
      </c>
    </row>
    <row r="22" spans="2:21" ht="19.5" customHeight="1" x14ac:dyDescent="0.4">
      <c r="C22" s="57" t="s">
        <v>220</v>
      </c>
      <c r="D22" s="1" t="s">
        <v>130</v>
      </c>
      <c r="K22" s="1" t="s">
        <v>125</v>
      </c>
      <c r="U22" s="1">
        <v>15</v>
      </c>
    </row>
    <row r="23" spans="2:21" ht="19.5" customHeight="1" x14ac:dyDescent="0.4">
      <c r="C23" s="57" t="s">
        <v>220</v>
      </c>
      <c r="D23" s="1" t="s">
        <v>131</v>
      </c>
      <c r="K23" s="1" t="s">
        <v>125</v>
      </c>
      <c r="U23" s="1">
        <v>16</v>
      </c>
    </row>
    <row r="24" spans="2:21" ht="19.5" customHeight="1" x14ac:dyDescent="0.4">
      <c r="C24" s="57" t="s">
        <v>220</v>
      </c>
      <c r="D24" s="1" t="s">
        <v>132</v>
      </c>
      <c r="K24" s="1" t="s">
        <v>125</v>
      </c>
      <c r="U24" s="1">
        <v>17</v>
      </c>
    </row>
    <row r="25" spans="2:21" ht="19.5" customHeight="1" x14ac:dyDescent="0.4">
      <c r="C25" s="57" t="s">
        <v>220</v>
      </c>
      <c r="D25" s="1" t="s">
        <v>133</v>
      </c>
      <c r="M25" s="1" t="s">
        <v>126</v>
      </c>
      <c r="U25" s="1">
        <v>18</v>
      </c>
    </row>
    <row r="26" spans="2:21" ht="19.5" customHeight="1" x14ac:dyDescent="0.4">
      <c r="C26" s="57" t="s">
        <v>220</v>
      </c>
      <c r="D26" s="1" t="s">
        <v>134</v>
      </c>
      <c r="M26" s="1" t="s">
        <v>126</v>
      </c>
      <c r="U26" s="1">
        <v>20</v>
      </c>
    </row>
    <row r="27" spans="2:21" ht="19.5" customHeight="1" x14ac:dyDescent="0.4">
      <c r="C27" s="57" t="s">
        <v>220</v>
      </c>
      <c r="D27" s="1" t="s">
        <v>135</v>
      </c>
      <c r="I27" s="1" t="s">
        <v>123</v>
      </c>
      <c r="U27" s="1">
        <v>21</v>
      </c>
    </row>
    <row r="28" spans="2:21" ht="19.5" customHeight="1" x14ac:dyDescent="0.4">
      <c r="C28" s="57" t="s">
        <v>220</v>
      </c>
      <c r="D28" s="1" t="s">
        <v>104</v>
      </c>
      <c r="K28" s="1" t="s">
        <v>124</v>
      </c>
      <c r="U28" s="1">
        <v>22</v>
      </c>
    </row>
    <row r="29" spans="2:21" ht="19.5" customHeight="1" x14ac:dyDescent="0.4">
      <c r="C29" s="57" t="s">
        <v>220</v>
      </c>
      <c r="D29" s="1" t="s">
        <v>105</v>
      </c>
      <c r="K29" s="1" t="s">
        <v>124</v>
      </c>
      <c r="U29" s="1">
        <v>23</v>
      </c>
    </row>
    <row r="30" spans="2:21" ht="19.5" customHeight="1" x14ac:dyDescent="0.4">
      <c r="C30" s="57" t="s">
        <v>220</v>
      </c>
      <c r="D30" s="1" t="s">
        <v>136</v>
      </c>
      <c r="U30" s="1">
        <v>24</v>
      </c>
    </row>
    <row r="31" spans="2:21" ht="19.5" customHeight="1" x14ac:dyDescent="0.4">
      <c r="C31" s="57" t="s">
        <v>220</v>
      </c>
      <c r="D31" s="1" t="s">
        <v>106</v>
      </c>
      <c r="M31" s="1" t="s">
        <v>110</v>
      </c>
      <c r="U31" s="1">
        <v>25</v>
      </c>
    </row>
    <row r="32" spans="2:21" ht="19.5" customHeight="1" x14ac:dyDescent="0.4">
      <c r="C32" s="57" t="s">
        <v>220</v>
      </c>
      <c r="D32" s="1" t="s">
        <v>137</v>
      </c>
      <c r="M32" s="1" t="s">
        <v>110</v>
      </c>
      <c r="U32" s="1">
        <v>26</v>
      </c>
    </row>
    <row r="33" spans="3:21" ht="19.5" customHeight="1" x14ac:dyDescent="0.4">
      <c r="C33" s="57" t="s">
        <v>220</v>
      </c>
      <c r="D33" s="1" t="s">
        <v>138</v>
      </c>
      <c r="O33" s="1" t="s">
        <v>61</v>
      </c>
      <c r="U33" s="1">
        <v>27</v>
      </c>
    </row>
    <row r="34" spans="3:21" ht="19.5" customHeight="1" x14ac:dyDescent="0.4">
      <c r="C34" s="57" t="s">
        <v>220</v>
      </c>
      <c r="D34" s="1" t="s">
        <v>139</v>
      </c>
      <c r="P34" s="1" t="s">
        <v>141</v>
      </c>
      <c r="U34" s="1">
        <v>28</v>
      </c>
    </row>
    <row r="35" spans="3:21" ht="19.5" customHeight="1" x14ac:dyDescent="0.4">
      <c r="C35" s="57" t="s">
        <v>220</v>
      </c>
      <c r="D35" s="1" t="s">
        <v>142</v>
      </c>
      <c r="P35" s="1" t="s">
        <v>141</v>
      </c>
      <c r="U35" s="1">
        <v>29</v>
      </c>
    </row>
    <row r="36" spans="3:21" ht="19.5" customHeight="1" x14ac:dyDescent="0.4">
      <c r="C36" s="57" t="s">
        <v>220</v>
      </c>
      <c r="D36" s="1" t="s">
        <v>145</v>
      </c>
      <c r="U36" s="1">
        <v>33</v>
      </c>
    </row>
  </sheetData>
  <mergeCells count="1">
    <mergeCell ref="A2:V2"/>
  </mergeCells>
  <phoneticPr fontId="2"/>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C2:U36"/>
  <sheetViews>
    <sheetView zoomScaleNormal="100" workbookViewId="0"/>
  </sheetViews>
  <sheetFormatPr defaultColWidth="3.625" defaultRowHeight="19.5" customHeight="1" x14ac:dyDescent="0.4"/>
  <cols>
    <col min="1" max="1" width="2.25" style="1" customWidth="1"/>
    <col min="2" max="2" width="3.625" style="1"/>
    <col min="3" max="3" width="4.375" style="1" customWidth="1"/>
    <col min="4" max="19" width="3.625" style="1"/>
    <col min="20" max="20" width="2.25" style="1" customWidth="1"/>
    <col min="21" max="21" width="4.125" style="1" customWidth="1"/>
    <col min="22" max="16384" width="3.625" style="1"/>
  </cols>
  <sheetData>
    <row r="2" spans="3:21" ht="19.5" customHeight="1" x14ac:dyDescent="0.4">
      <c r="K2" s="2"/>
    </row>
    <row r="4" spans="3:21" ht="19.5" customHeight="1" x14ac:dyDescent="0.4">
      <c r="C4" s="57" t="s">
        <v>220</v>
      </c>
      <c r="D4" s="1" t="s">
        <v>146</v>
      </c>
      <c r="U4" s="1">
        <v>34</v>
      </c>
    </row>
    <row r="5" spans="3:21" ht="19.5" customHeight="1" x14ac:dyDescent="0.4">
      <c r="C5" s="57" t="s">
        <v>220</v>
      </c>
      <c r="D5" s="1" t="s">
        <v>107</v>
      </c>
      <c r="K5" s="1" t="s">
        <v>125</v>
      </c>
      <c r="U5" s="1">
        <v>35</v>
      </c>
    </row>
    <row r="6" spans="3:21" ht="19.5" customHeight="1" x14ac:dyDescent="0.4">
      <c r="C6" s="57" t="s">
        <v>220</v>
      </c>
      <c r="D6" s="1" t="s">
        <v>144</v>
      </c>
      <c r="N6" s="1" t="s">
        <v>147</v>
      </c>
      <c r="U6" s="1">
        <v>36</v>
      </c>
    </row>
    <row r="7" spans="3:21" ht="19.5" customHeight="1" x14ac:dyDescent="0.4">
      <c r="C7" s="57" t="s">
        <v>220</v>
      </c>
      <c r="D7" s="1" t="s">
        <v>148</v>
      </c>
      <c r="M7" s="1" t="s">
        <v>110</v>
      </c>
      <c r="U7" s="1">
        <v>37</v>
      </c>
    </row>
    <row r="8" spans="3:21" ht="19.5" customHeight="1" x14ac:dyDescent="0.4">
      <c r="C8" s="57" t="s">
        <v>220</v>
      </c>
      <c r="D8" s="1" t="s">
        <v>149</v>
      </c>
      <c r="L8" s="1" t="s">
        <v>57</v>
      </c>
      <c r="U8" s="1">
        <v>38</v>
      </c>
    </row>
    <row r="9" spans="3:21" ht="19.5" customHeight="1" x14ac:dyDescent="0.4">
      <c r="C9" s="57" t="s">
        <v>220</v>
      </c>
      <c r="D9" s="1" t="s">
        <v>152</v>
      </c>
      <c r="L9" s="1" t="s">
        <v>118</v>
      </c>
      <c r="U9" s="1">
        <v>40</v>
      </c>
    </row>
    <row r="10" spans="3:21" ht="19.5" customHeight="1" x14ac:dyDescent="0.4">
      <c r="C10" s="57" t="s">
        <v>220</v>
      </c>
      <c r="D10" s="1" t="s">
        <v>153</v>
      </c>
      <c r="Q10" s="1" t="s">
        <v>155</v>
      </c>
      <c r="U10" s="1">
        <v>41</v>
      </c>
    </row>
    <row r="11" spans="3:21" ht="19.5" customHeight="1" x14ac:dyDescent="0.4">
      <c r="C11" s="57" t="s">
        <v>220</v>
      </c>
      <c r="D11" s="1" t="s">
        <v>156</v>
      </c>
      <c r="P11" s="1" t="s">
        <v>140</v>
      </c>
      <c r="U11" s="1">
        <v>42</v>
      </c>
    </row>
    <row r="12" spans="3:21" ht="19.5" customHeight="1" x14ac:dyDescent="0.4">
      <c r="C12" s="57" t="s">
        <v>220</v>
      </c>
      <c r="D12" s="1" t="s">
        <v>157</v>
      </c>
      <c r="Q12" s="1" t="s">
        <v>154</v>
      </c>
      <c r="U12" s="1">
        <v>43</v>
      </c>
    </row>
    <row r="13" spans="3:21" ht="19.5" customHeight="1" x14ac:dyDescent="0.4">
      <c r="C13" s="57" t="s">
        <v>220</v>
      </c>
      <c r="D13" s="1" t="s">
        <v>108</v>
      </c>
      <c r="I13" s="1" t="s">
        <v>60</v>
      </c>
      <c r="U13" s="1">
        <v>47</v>
      </c>
    </row>
    <row r="14" spans="3:21" ht="19.5" customHeight="1" x14ac:dyDescent="0.4">
      <c r="C14" s="57" t="s">
        <v>220</v>
      </c>
      <c r="D14" s="1" t="s">
        <v>109</v>
      </c>
      <c r="L14" s="1" t="s">
        <v>57</v>
      </c>
      <c r="U14" s="1">
        <v>48</v>
      </c>
    </row>
    <row r="15" spans="3:21" ht="19.5" customHeight="1" x14ac:dyDescent="0.4">
      <c r="C15" s="57" t="s">
        <v>220</v>
      </c>
      <c r="D15" s="1" t="s">
        <v>111</v>
      </c>
      <c r="M15" s="1" t="s">
        <v>126</v>
      </c>
      <c r="U15" s="1">
        <v>49</v>
      </c>
    </row>
    <row r="16" spans="3:21" ht="19.5" customHeight="1" x14ac:dyDescent="0.4">
      <c r="C16" s="57" t="s">
        <v>220</v>
      </c>
      <c r="D16" s="1" t="s">
        <v>112</v>
      </c>
      <c r="M16" s="1" t="s">
        <v>126</v>
      </c>
      <c r="U16" s="1">
        <v>50</v>
      </c>
    </row>
    <row r="17" spans="3:21" ht="19.5" customHeight="1" x14ac:dyDescent="0.4">
      <c r="C17" s="57" t="s">
        <v>220</v>
      </c>
      <c r="D17" s="1" t="s">
        <v>113</v>
      </c>
      <c r="N17" s="1" t="s">
        <v>65</v>
      </c>
      <c r="U17" s="1">
        <v>51</v>
      </c>
    </row>
    <row r="18" spans="3:21" ht="19.5" customHeight="1" x14ac:dyDescent="0.4">
      <c r="C18" s="57" t="s">
        <v>220</v>
      </c>
      <c r="D18" s="1" t="s">
        <v>114</v>
      </c>
      <c r="M18" s="1" t="s">
        <v>143</v>
      </c>
      <c r="U18" s="1">
        <v>52</v>
      </c>
    </row>
    <row r="19" spans="3:21" ht="19.5" customHeight="1" x14ac:dyDescent="0.4">
      <c r="C19" s="57" t="s">
        <v>220</v>
      </c>
      <c r="D19" s="1" t="s">
        <v>115</v>
      </c>
      <c r="K19" s="1" t="s">
        <v>159</v>
      </c>
      <c r="U19" s="1">
        <v>53</v>
      </c>
    </row>
    <row r="20" spans="3:21" ht="19.5" customHeight="1" x14ac:dyDescent="0.4">
      <c r="C20" s="57" t="s">
        <v>220</v>
      </c>
      <c r="D20" s="1" t="s">
        <v>116</v>
      </c>
      <c r="M20" s="1" t="s">
        <v>126</v>
      </c>
      <c r="U20" s="1">
        <v>61</v>
      </c>
    </row>
    <row r="21" spans="3:21" ht="19.5" customHeight="1" x14ac:dyDescent="0.4">
      <c r="C21" s="57" t="s">
        <v>220</v>
      </c>
      <c r="D21" s="1" t="s">
        <v>117</v>
      </c>
      <c r="K21" s="1" t="s">
        <v>125</v>
      </c>
      <c r="U21" s="1">
        <v>62</v>
      </c>
    </row>
    <row r="22" spans="3:21" ht="19.5" customHeight="1" x14ac:dyDescent="0.4">
      <c r="C22" s="57" t="s">
        <v>220</v>
      </c>
      <c r="D22" s="1" t="s">
        <v>119</v>
      </c>
      <c r="I22" s="1" t="s">
        <v>123</v>
      </c>
      <c r="U22" s="1">
        <v>66</v>
      </c>
    </row>
    <row r="23" spans="3:21" ht="19.5" customHeight="1" x14ac:dyDescent="0.4">
      <c r="C23" s="57" t="s">
        <v>220</v>
      </c>
      <c r="D23" s="1" t="s">
        <v>120</v>
      </c>
      <c r="M23" s="1" t="s">
        <v>110</v>
      </c>
      <c r="U23" s="1">
        <v>67</v>
      </c>
    </row>
    <row r="24" spans="3:21" ht="19.5" customHeight="1" x14ac:dyDescent="0.4">
      <c r="C24" s="57" t="s">
        <v>220</v>
      </c>
      <c r="D24" s="1" t="s">
        <v>121</v>
      </c>
      <c r="M24" s="1" t="s">
        <v>110</v>
      </c>
      <c r="U24" s="1">
        <v>68</v>
      </c>
    </row>
    <row r="25" spans="3:21" ht="19.5" customHeight="1" x14ac:dyDescent="0.4">
      <c r="C25" s="57" t="s">
        <v>220</v>
      </c>
      <c r="D25" s="1" t="s">
        <v>122</v>
      </c>
      <c r="K25" s="1" t="s">
        <v>125</v>
      </c>
      <c r="U25" s="1">
        <v>69</v>
      </c>
    </row>
    <row r="26" spans="3:21" ht="19.5" customHeight="1" x14ac:dyDescent="0.4">
      <c r="C26" s="57" t="s">
        <v>220</v>
      </c>
      <c r="D26" s="1" t="s">
        <v>160</v>
      </c>
      <c r="M26" s="1" t="s">
        <v>126</v>
      </c>
      <c r="U26" s="1">
        <v>70</v>
      </c>
    </row>
    <row r="27" spans="3:21" ht="19.5" customHeight="1" x14ac:dyDescent="0.4">
      <c r="C27" s="57" t="s">
        <v>220</v>
      </c>
      <c r="D27" s="1" t="s">
        <v>161</v>
      </c>
      <c r="L27" s="1" t="s">
        <v>118</v>
      </c>
      <c r="U27" s="1">
        <v>71</v>
      </c>
    </row>
    <row r="28" spans="3:21" s="7" customFormat="1" ht="19.5" customHeight="1" x14ac:dyDescent="0.4">
      <c r="C28" s="44"/>
    </row>
    <row r="29" spans="3:21" s="7" customFormat="1" ht="19.5" customHeight="1" x14ac:dyDescent="0.4">
      <c r="C29" s="61" t="s">
        <v>263</v>
      </c>
      <c r="D29" s="7" t="s">
        <v>64</v>
      </c>
      <c r="N29" s="7" t="s">
        <v>65</v>
      </c>
      <c r="U29" s="7">
        <v>72</v>
      </c>
    </row>
    <row r="30" spans="3:21" ht="19.5" customHeight="1" x14ac:dyDescent="0.4">
      <c r="C30" s="57" t="s">
        <v>220</v>
      </c>
      <c r="D30" s="1" t="s">
        <v>127</v>
      </c>
      <c r="K30" s="1" t="s">
        <v>125</v>
      </c>
      <c r="U30" s="1">
        <v>72</v>
      </c>
    </row>
    <row r="31" spans="3:21" ht="19.5" customHeight="1" x14ac:dyDescent="0.4">
      <c r="C31" s="57" t="s">
        <v>220</v>
      </c>
      <c r="D31" s="1" t="s">
        <v>129</v>
      </c>
      <c r="K31" s="1" t="s">
        <v>125</v>
      </c>
      <c r="U31" s="1">
        <v>74</v>
      </c>
    </row>
    <row r="32" spans="3:21" ht="19.5" customHeight="1" x14ac:dyDescent="0.4">
      <c r="C32" s="57" t="s">
        <v>220</v>
      </c>
      <c r="D32" s="1" t="s">
        <v>130</v>
      </c>
      <c r="K32" s="1" t="s">
        <v>125</v>
      </c>
      <c r="U32" s="1">
        <v>78</v>
      </c>
    </row>
    <row r="33" spans="3:21" ht="19.5" customHeight="1" x14ac:dyDescent="0.4">
      <c r="C33" s="57" t="s">
        <v>220</v>
      </c>
      <c r="D33" s="1" t="s">
        <v>131</v>
      </c>
      <c r="K33" s="1" t="s">
        <v>125</v>
      </c>
      <c r="U33" s="1">
        <v>82</v>
      </c>
    </row>
    <row r="34" spans="3:21" ht="19.5" customHeight="1" x14ac:dyDescent="0.4">
      <c r="C34" s="57" t="s">
        <v>220</v>
      </c>
      <c r="D34" s="1" t="s">
        <v>132</v>
      </c>
      <c r="K34" s="1" t="s">
        <v>125</v>
      </c>
      <c r="U34" s="1">
        <v>86</v>
      </c>
    </row>
    <row r="35" spans="3:21" ht="19.5" customHeight="1" x14ac:dyDescent="0.4">
      <c r="C35" s="57" t="s">
        <v>220</v>
      </c>
      <c r="D35" s="1" t="s">
        <v>133</v>
      </c>
      <c r="M35" s="1" t="s">
        <v>126</v>
      </c>
      <c r="U35" s="1">
        <v>90</v>
      </c>
    </row>
    <row r="36" spans="3:21" ht="19.5" customHeight="1" x14ac:dyDescent="0.4">
      <c r="C36" s="57" t="s">
        <v>220</v>
      </c>
      <c r="D36" s="1" t="s">
        <v>134</v>
      </c>
      <c r="M36" s="1" t="s">
        <v>126</v>
      </c>
      <c r="U36" s="1">
        <v>98</v>
      </c>
    </row>
  </sheetData>
  <phoneticPr fontId="2"/>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C2:X38"/>
  <sheetViews>
    <sheetView zoomScaleNormal="100" workbookViewId="0"/>
  </sheetViews>
  <sheetFormatPr defaultColWidth="3.625" defaultRowHeight="19.5" customHeight="1" x14ac:dyDescent="0.4"/>
  <cols>
    <col min="1" max="1" width="2.25" style="1" customWidth="1"/>
    <col min="2" max="2" width="3.625" style="1"/>
    <col min="3" max="3" width="4.375" style="1" customWidth="1"/>
    <col min="4" max="19" width="3.625" style="1"/>
    <col min="20" max="20" width="2.25" style="1" customWidth="1"/>
    <col min="21" max="21" width="4.125" style="1" customWidth="1"/>
    <col min="22" max="23" width="3.625" style="1"/>
    <col min="24" max="24" width="3.625" style="7"/>
    <col min="25" max="16384" width="3.625" style="1"/>
  </cols>
  <sheetData>
    <row r="2" spans="3:21" ht="19.5" customHeight="1" x14ac:dyDescent="0.4">
      <c r="K2" s="2"/>
    </row>
    <row r="4" spans="3:21" ht="19.350000000000001" customHeight="1" x14ac:dyDescent="0.4">
      <c r="C4" s="57" t="s">
        <v>220</v>
      </c>
      <c r="D4" s="1" t="s">
        <v>135</v>
      </c>
      <c r="I4" s="1" t="s">
        <v>123</v>
      </c>
      <c r="U4" s="1">
        <v>102</v>
      </c>
    </row>
    <row r="5" spans="3:21" ht="19.350000000000001" customHeight="1" x14ac:dyDescent="0.4">
      <c r="C5" s="57" t="s">
        <v>220</v>
      </c>
      <c r="D5" s="1" t="s">
        <v>104</v>
      </c>
      <c r="K5" s="1" t="s">
        <v>124</v>
      </c>
      <c r="U5" s="1">
        <v>104</v>
      </c>
    </row>
    <row r="6" spans="3:21" ht="19.350000000000001" customHeight="1" x14ac:dyDescent="0.4">
      <c r="C6" s="57" t="s">
        <v>220</v>
      </c>
      <c r="D6" s="1" t="s">
        <v>105</v>
      </c>
      <c r="K6" s="1" t="s">
        <v>124</v>
      </c>
      <c r="U6" s="1">
        <v>105</v>
      </c>
    </row>
    <row r="7" spans="3:21" ht="19.350000000000001" customHeight="1" x14ac:dyDescent="0.4">
      <c r="C7" s="57" t="s">
        <v>220</v>
      </c>
      <c r="D7" s="1" t="s">
        <v>136</v>
      </c>
      <c r="U7" s="1">
        <v>106</v>
      </c>
    </row>
    <row r="8" spans="3:21" ht="19.350000000000001" customHeight="1" x14ac:dyDescent="0.4">
      <c r="C8" s="57" t="s">
        <v>220</v>
      </c>
      <c r="D8" s="1" t="s">
        <v>106</v>
      </c>
      <c r="M8" s="1" t="s">
        <v>110</v>
      </c>
      <c r="U8" s="1">
        <v>108</v>
      </c>
    </row>
    <row r="9" spans="3:21" ht="19.350000000000001" customHeight="1" x14ac:dyDescent="0.4">
      <c r="C9" s="57" t="s">
        <v>220</v>
      </c>
      <c r="D9" s="1" t="s">
        <v>137</v>
      </c>
      <c r="M9" s="1" t="s">
        <v>110</v>
      </c>
      <c r="U9" s="1">
        <v>110</v>
      </c>
    </row>
    <row r="10" spans="3:21" ht="19.350000000000001" customHeight="1" x14ac:dyDescent="0.4">
      <c r="C10" s="57" t="s">
        <v>220</v>
      </c>
      <c r="D10" s="1" t="s">
        <v>138</v>
      </c>
      <c r="O10" s="1" t="s">
        <v>61</v>
      </c>
      <c r="U10" s="1">
        <v>114</v>
      </c>
    </row>
    <row r="11" spans="3:21" ht="19.350000000000001" customHeight="1" x14ac:dyDescent="0.4">
      <c r="C11" s="57" t="s">
        <v>220</v>
      </c>
      <c r="D11" s="1" t="s">
        <v>139</v>
      </c>
      <c r="P11" s="1" t="s">
        <v>141</v>
      </c>
      <c r="U11" s="1">
        <v>118</v>
      </c>
    </row>
    <row r="12" spans="3:21" ht="19.350000000000001" customHeight="1" x14ac:dyDescent="0.4">
      <c r="C12" s="57" t="s">
        <v>220</v>
      </c>
      <c r="D12" s="1" t="s">
        <v>142</v>
      </c>
      <c r="P12" s="1" t="s">
        <v>141</v>
      </c>
      <c r="U12" s="1">
        <v>122</v>
      </c>
    </row>
    <row r="13" spans="3:21" ht="19.350000000000001" customHeight="1" x14ac:dyDescent="0.4">
      <c r="C13" s="57" t="s">
        <v>220</v>
      </c>
      <c r="D13" s="1" t="s">
        <v>145</v>
      </c>
      <c r="U13" s="1">
        <v>130</v>
      </c>
    </row>
    <row r="14" spans="3:21" ht="19.350000000000001" customHeight="1" x14ac:dyDescent="0.4">
      <c r="C14" s="57" t="s">
        <v>220</v>
      </c>
      <c r="D14" s="1" t="s">
        <v>146</v>
      </c>
      <c r="U14" s="1">
        <v>132</v>
      </c>
    </row>
    <row r="15" spans="3:21" ht="19.350000000000001" customHeight="1" x14ac:dyDescent="0.4">
      <c r="C15" s="57" t="s">
        <v>220</v>
      </c>
      <c r="D15" s="1" t="s">
        <v>107</v>
      </c>
      <c r="K15" s="1" t="s">
        <v>125</v>
      </c>
      <c r="U15" s="1">
        <v>134</v>
      </c>
    </row>
    <row r="16" spans="3:21" ht="19.350000000000001" customHeight="1" x14ac:dyDescent="0.4">
      <c r="C16" s="57" t="s">
        <v>220</v>
      </c>
      <c r="D16" s="1" t="s">
        <v>144</v>
      </c>
      <c r="N16" s="1" t="s">
        <v>147</v>
      </c>
      <c r="U16" s="1">
        <v>136</v>
      </c>
    </row>
    <row r="17" spans="3:21" ht="19.350000000000001" customHeight="1" x14ac:dyDescent="0.4">
      <c r="C17" s="57" t="s">
        <v>220</v>
      </c>
      <c r="D17" s="1" t="s">
        <v>148</v>
      </c>
      <c r="M17" s="1" t="s">
        <v>110</v>
      </c>
      <c r="U17" s="1">
        <v>139</v>
      </c>
    </row>
    <row r="18" spans="3:21" ht="19.350000000000001" customHeight="1" x14ac:dyDescent="0.4">
      <c r="C18" s="57" t="s">
        <v>220</v>
      </c>
      <c r="D18" s="7" t="s">
        <v>149</v>
      </c>
      <c r="L18" s="1" t="s">
        <v>57</v>
      </c>
      <c r="U18" s="1">
        <v>141</v>
      </c>
    </row>
    <row r="19" spans="3:21" ht="19.350000000000001" customHeight="1" x14ac:dyDescent="0.4">
      <c r="C19" s="57" t="s">
        <v>220</v>
      </c>
      <c r="D19" s="7" t="s">
        <v>163</v>
      </c>
      <c r="L19" s="1" t="s">
        <v>57</v>
      </c>
      <c r="U19" s="1">
        <v>147</v>
      </c>
    </row>
    <row r="20" spans="3:21" ht="19.350000000000001" customHeight="1" x14ac:dyDescent="0.4">
      <c r="C20" s="57" t="s">
        <v>220</v>
      </c>
      <c r="D20" s="7" t="s">
        <v>151</v>
      </c>
      <c r="R20" s="1" t="s">
        <v>150</v>
      </c>
      <c r="U20" s="1">
        <v>153</v>
      </c>
    </row>
    <row r="21" spans="3:21" ht="19.350000000000001" customHeight="1" x14ac:dyDescent="0.4">
      <c r="C21" s="57" t="s">
        <v>220</v>
      </c>
      <c r="D21" s="7" t="s">
        <v>152</v>
      </c>
      <c r="L21" s="1" t="s">
        <v>118</v>
      </c>
      <c r="U21" s="1">
        <v>155</v>
      </c>
    </row>
    <row r="22" spans="3:21" ht="19.350000000000001" customHeight="1" x14ac:dyDescent="0.4">
      <c r="C22" s="57" t="s">
        <v>220</v>
      </c>
      <c r="D22" s="7" t="s">
        <v>153</v>
      </c>
      <c r="Q22" s="1" t="s">
        <v>155</v>
      </c>
      <c r="U22" s="1">
        <v>159</v>
      </c>
    </row>
    <row r="23" spans="3:21" ht="19.350000000000001" customHeight="1" x14ac:dyDescent="0.4">
      <c r="C23" s="57" t="s">
        <v>220</v>
      </c>
      <c r="D23" s="7" t="s">
        <v>156</v>
      </c>
      <c r="P23" s="1" t="s">
        <v>140</v>
      </c>
      <c r="U23" s="1">
        <v>163</v>
      </c>
    </row>
    <row r="24" spans="3:21" ht="19.350000000000001" customHeight="1" x14ac:dyDescent="0.4">
      <c r="C24" s="57" t="s">
        <v>220</v>
      </c>
      <c r="D24" s="7" t="s">
        <v>157</v>
      </c>
      <c r="R24" s="1" t="s">
        <v>251</v>
      </c>
      <c r="U24" s="1">
        <v>167</v>
      </c>
    </row>
    <row r="25" spans="3:21" ht="19.350000000000001" customHeight="1" x14ac:dyDescent="0.4">
      <c r="C25" s="57" t="s">
        <v>220</v>
      </c>
      <c r="D25" s="7" t="s">
        <v>158</v>
      </c>
      <c r="U25" s="1">
        <v>175</v>
      </c>
    </row>
    <row r="26" spans="3:21" ht="19.350000000000001" customHeight="1" x14ac:dyDescent="0.4">
      <c r="C26" s="57" t="s">
        <v>220</v>
      </c>
      <c r="D26" s="7" t="s">
        <v>108</v>
      </c>
      <c r="I26" s="1" t="s">
        <v>60</v>
      </c>
      <c r="U26" s="1">
        <v>179</v>
      </c>
    </row>
    <row r="27" spans="3:21" ht="19.350000000000001" customHeight="1" x14ac:dyDescent="0.4">
      <c r="C27" s="57" t="s">
        <v>220</v>
      </c>
      <c r="D27" s="1" t="s">
        <v>109</v>
      </c>
      <c r="L27" s="1" t="s">
        <v>57</v>
      </c>
      <c r="U27" s="1">
        <v>181</v>
      </c>
    </row>
    <row r="28" spans="3:21" ht="19.350000000000001" customHeight="1" x14ac:dyDescent="0.4">
      <c r="C28" s="57" t="s">
        <v>220</v>
      </c>
      <c r="D28" s="1" t="s">
        <v>111</v>
      </c>
      <c r="M28" s="1" t="s">
        <v>126</v>
      </c>
      <c r="U28" s="1">
        <v>183</v>
      </c>
    </row>
    <row r="29" spans="3:21" ht="19.350000000000001" customHeight="1" x14ac:dyDescent="0.4">
      <c r="C29" s="57" t="s">
        <v>220</v>
      </c>
      <c r="D29" s="1" t="s">
        <v>112</v>
      </c>
      <c r="M29" s="1" t="s">
        <v>126</v>
      </c>
      <c r="U29" s="1">
        <v>185</v>
      </c>
    </row>
    <row r="30" spans="3:21" ht="19.350000000000001" customHeight="1" x14ac:dyDescent="0.4">
      <c r="C30" s="57" t="s">
        <v>220</v>
      </c>
      <c r="D30" s="1" t="s">
        <v>113</v>
      </c>
      <c r="N30" s="1" t="s">
        <v>65</v>
      </c>
      <c r="U30" s="1">
        <v>187</v>
      </c>
    </row>
    <row r="31" spans="3:21" ht="19.350000000000001" customHeight="1" x14ac:dyDescent="0.4">
      <c r="C31" s="57" t="s">
        <v>220</v>
      </c>
      <c r="D31" s="1" t="s">
        <v>114</v>
      </c>
      <c r="M31" s="1" t="s">
        <v>143</v>
      </c>
      <c r="U31" s="1">
        <v>189</v>
      </c>
    </row>
    <row r="32" spans="3:21" ht="19.350000000000001" customHeight="1" x14ac:dyDescent="0.4">
      <c r="C32" s="57" t="s">
        <v>220</v>
      </c>
      <c r="D32" s="1" t="s">
        <v>115</v>
      </c>
      <c r="K32" s="1" t="s">
        <v>159</v>
      </c>
      <c r="U32" s="1">
        <v>191</v>
      </c>
    </row>
    <row r="33" spans="3:21" ht="19.350000000000001" customHeight="1" x14ac:dyDescent="0.4">
      <c r="C33" s="57" t="s">
        <v>220</v>
      </c>
      <c r="D33" s="1" t="s">
        <v>116</v>
      </c>
      <c r="N33" s="1" t="s">
        <v>250</v>
      </c>
      <c r="U33" s="1">
        <v>215</v>
      </c>
    </row>
    <row r="34" spans="3:21" ht="19.350000000000001" customHeight="1" x14ac:dyDescent="0.4">
      <c r="C34" s="57" t="s">
        <v>220</v>
      </c>
      <c r="D34" s="1" t="s">
        <v>117</v>
      </c>
      <c r="K34" s="1" t="s">
        <v>125</v>
      </c>
      <c r="U34" s="1">
        <v>217</v>
      </c>
    </row>
    <row r="35" spans="3:21" ht="19.350000000000001" customHeight="1" x14ac:dyDescent="0.4">
      <c r="C35" s="57" t="s">
        <v>220</v>
      </c>
      <c r="D35" s="1" t="s">
        <v>119</v>
      </c>
      <c r="I35" s="1" t="s">
        <v>123</v>
      </c>
      <c r="U35" s="1">
        <v>228</v>
      </c>
    </row>
    <row r="36" spans="3:21" ht="19.350000000000001" customHeight="1" x14ac:dyDescent="0.4">
      <c r="C36" s="57" t="s">
        <v>220</v>
      </c>
      <c r="D36" s="1" t="s">
        <v>120</v>
      </c>
      <c r="M36" s="1" t="s">
        <v>110</v>
      </c>
      <c r="U36" s="1">
        <v>230</v>
      </c>
    </row>
    <row r="37" spans="3:21" ht="19.350000000000001" customHeight="1" x14ac:dyDescent="0.4">
      <c r="C37" s="57" t="s">
        <v>220</v>
      </c>
      <c r="D37" s="1" t="s">
        <v>121</v>
      </c>
      <c r="M37" s="1" t="s">
        <v>110</v>
      </c>
      <c r="U37" s="1">
        <v>232</v>
      </c>
    </row>
    <row r="38" spans="3:21" ht="19.350000000000001" customHeight="1" x14ac:dyDescent="0.4">
      <c r="C38" s="57" t="s">
        <v>220</v>
      </c>
      <c r="D38" s="1" t="s">
        <v>122</v>
      </c>
      <c r="K38" s="1" t="s">
        <v>125</v>
      </c>
      <c r="U38" s="1">
        <v>233</v>
      </c>
    </row>
  </sheetData>
  <phoneticPr fontId="2"/>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3:U15"/>
  <sheetViews>
    <sheetView zoomScaleNormal="100" workbookViewId="0"/>
  </sheetViews>
  <sheetFormatPr defaultColWidth="3.625" defaultRowHeight="19.5" customHeight="1" x14ac:dyDescent="0.4"/>
  <cols>
    <col min="1" max="1" width="2.25" style="1" customWidth="1"/>
    <col min="2" max="2" width="3.625" style="1"/>
    <col min="3" max="3" width="4.375" style="1" customWidth="1"/>
    <col min="4" max="19" width="3.625" style="1"/>
    <col min="20" max="20" width="2.25" style="1" customWidth="1"/>
    <col min="21" max="21" width="4.125" style="1" customWidth="1"/>
    <col min="22" max="16384" width="3.625" style="1"/>
  </cols>
  <sheetData>
    <row r="3" spans="2:21" ht="19.5" customHeight="1" x14ac:dyDescent="0.4">
      <c r="K3" s="2"/>
    </row>
    <row r="4" spans="2:21" ht="19.5" customHeight="1" x14ac:dyDescent="0.4">
      <c r="C4" s="57" t="s">
        <v>220</v>
      </c>
      <c r="D4" s="1" t="s">
        <v>160</v>
      </c>
      <c r="N4" s="1" t="s">
        <v>250</v>
      </c>
      <c r="U4" s="1">
        <v>235</v>
      </c>
    </row>
    <row r="5" spans="2:21" ht="19.5" customHeight="1" x14ac:dyDescent="0.4">
      <c r="C5" s="57" t="s">
        <v>220</v>
      </c>
      <c r="D5" s="1" t="s">
        <v>161</v>
      </c>
      <c r="L5" s="1" t="s">
        <v>118</v>
      </c>
      <c r="U5" s="1">
        <v>239</v>
      </c>
    </row>
    <row r="6" spans="2:21" ht="19.5" customHeight="1" x14ac:dyDescent="0.4">
      <c r="C6" s="57" t="s">
        <v>220</v>
      </c>
      <c r="D6" s="7" t="s">
        <v>162</v>
      </c>
      <c r="Q6" s="1" t="s">
        <v>154</v>
      </c>
      <c r="U6" s="1">
        <v>243</v>
      </c>
    </row>
    <row r="7" spans="2:21" ht="19.5" customHeight="1" x14ac:dyDescent="0.4">
      <c r="D7" s="7"/>
    </row>
    <row r="9" spans="2:21" ht="19.5" customHeight="1" x14ac:dyDescent="0.4">
      <c r="B9" s="1" t="s">
        <v>66</v>
      </c>
    </row>
    <row r="10" spans="2:21" ht="19.5" customHeight="1" x14ac:dyDescent="0.4">
      <c r="B10" s="60" t="s">
        <v>256</v>
      </c>
      <c r="C10" s="63"/>
      <c r="D10" s="1" t="s">
        <v>35</v>
      </c>
      <c r="G10" s="1" t="s">
        <v>58</v>
      </c>
      <c r="U10" s="1">
        <v>247</v>
      </c>
    </row>
    <row r="11" spans="2:21" ht="19.5" customHeight="1" x14ac:dyDescent="0.4">
      <c r="B11" s="60" t="s">
        <v>258</v>
      </c>
      <c r="C11" s="31"/>
      <c r="D11" s="1" t="s">
        <v>37</v>
      </c>
      <c r="G11" s="1" t="s">
        <v>58</v>
      </c>
      <c r="U11" s="1">
        <v>261</v>
      </c>
    </row>
    <row r="14" spans="2:21" ht="19.5" customHeight="1" x14ac:dyDescent="0.4">
      <c r="B14" s="1" t="s">
        <v>67</v>
      </c>
      <c r="C14" s="1" t="s">
        <v>252</v>
      </c>
      <c r="G14" s="1" t="s">
        <v>58</v>
      </c>
      <c r="U14" s="1">
        <v>269</v>
      </c>
    </row>
    <row r="15" spans="2:21" ht="19.5" customHeight="1" x14ac:dyDescent="0.4">
      <c r="C15" s="11"/>
    </row>
  </sheetData>
  <phoneticPr fontId="2"/>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H17:K45"/>
  <sheetViews>
    <sheetView zoomScaleNormal="100" workbookViewId="0"/>
  </sheetViews>
  <sheetFormatPr defaultColWidth="3.625" defaultRowHeight="13.5" x14ac:dyDescent="0.4"/>
  <cols>
    <col min="1" max="16384" width="3.625" style="1"/>
  </cols>
  <sheetData>
    <row r="17" spans="8:10" ht="28.5" x14ac:dyDescent="0.4">
      <c r="H17" s="8" t="s">
        <v>56</v>
      </c>
    </row>
    <row r="19" spans="8:10" ht="28.5" x14ac:dyDescent="0.4">
      <c r="J19" s="4"/>
    </row>
    <row r="45" spans="11:11" ht="24" x14ac:dyDescent="0.4">
      <c r="K45" s="3"/>
    </row>
  </sheetData>
  <phoneticPr fontId="2"/>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G14:J44"/>
  <sheetViews>
    <sheetView zoomScaleNormal="100" workbookViewId="0"/>
  </sheetViews>
  <sheetFormatPr defaultColWidth="3.625" defaultRowHeight="13.5" x14ac:dyDescent="0.4"/>
  <cols>
    <col min="1" max="16384" width="3.625" style="1"/>
  </cols>
  <sheetData>
    <row r="14" spans="7:9" ht="28.5" x14ac:dyDescent="0.4">
      <c r="G14" s="4"/>
    </row>
    <row r="16" spans="7:9" ht="28.5" x14ac:dyDescent="0.4">
      <c r="I16" s="4"/>
    </row>
    <row r="42" spans="9:10" ht="24" x14ac:dyDescent="0.4">
      <c r="J42" s="3"/>
    </row>
    <row r="44" spans="9:10" ht="24" x14ac:dyDescent="0.4">
      <c r="I44" s="3"/>
    </row>
  </sheetData>
  <phoneticPr fontId="2"/>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9"/>
  <sheetViews>
    <sheetView view="pageBreakPreview" zoomScaleNormal="100" zoomScaleSheetLayoutView="100" workbookViewId="0"/>
  </sheetViews>
  <sheetFormatPr defaultColWidth="3.625" defaultRowHeight="19.5" customHeight="1" x14ac:dyDescent="0.4"/>
  <cols>
    <col min="1" max="1" width="2" style="1" customWidth="1"/>
    <col min="2" max="2" width="3.5" style="1" customWidth="1"/>
    <col min="3" max="5" width="4.25" style="1" customWidth="1"/>
    <col min="6" max="7" width="10.625" style="1" customWidth="1"/>
    <col min="8" max="8" width="7.75" style="1" customWidth="1"/>
    <col min="9" max="9" width="10.625" style="1" customWidth="1"/>
    <col min="10" max="10" width="9" style="1" customWidth="1"/>
    <col min="11" max="11" width="10.75" style="1" customWidth="1"/>
    <col min="12" max="12" width="4" style="1" customWidth="1"/>
    <col min="13" max="13" width="7.25" style="1" bestFit="1" customWidth="1"/>
    <col min="14" max="16384" width="3.625" style="1"/>
  </cols>
  <sheetData>
    <row r="1" spans="1:11" ht="19.5" customHeight="1" x14ac:dyDescent="0.4">
      <c r="A1" s="67" t="s">
        <v>31</v>
      </c>
      <c r="B1" s="67"/>
      <c r="C1" s="67"/>
      <c r="D1" s="67"/>
      <c r="E1" s="67"/>
      <c r="F1" s="67"/>
      <c r="G1" s="67"/>
      <c r="H1" s="67"/>
      <c r="I1" s="67"/>
      <c r="J1" s="67"/>
      <c r="K1" s="67"/>
    </row>
    <row r="2" spans="1:11" ht="10.35" customHeight="1" x14ac:dyDescent="0.4"/>
    <row r="3" spans="1:11" ht="17.25" customHeight="1" x14ac:dyDescent="0.4">
      <c r="B3" s="59" t="s">
        <v>256</v>
      </c>
      <c r="C3" s="10" t="s">
        <v>38</v>
      </c>
    </row>
    <row r="4" spans="1:11" ht="17.25" customHeight="1" x14ac:dyDescent="0.4">
      <c r="C4" s="1" t="s">
        <v>265</v>
      </c>
    </row>
    <row r="5" spans="1:11" ht="17.25" customHeight="1" x14ac:dyDescent="0.4">
      <c r="C5" s="1" t="s">
        <v>249</v>
      </c>
    </row>
    <row r="6" spans="1:11" ht="17.25" customHeight="1" x14ac:dyDescent="0.4">
      <c r="C6" s="1" t="s">
        <v>43</v>
      </c>
    </row>
    <row r="7" spans="1:11" ht="17.25" customHeight="1" x14ac:dyDescent="0.4">
      <c r="C7" s="1" t="s">
        <v>44</v>
      </c>
    </row>
    <row r="8" spans="1:11" ht="17.25" customHeight="1" x14ac:dyDescent="0.4">
      <c r="C8" s="1" t="s">
        <v>51</v>
      </c>
    </row>
    <row r="9" spans="1:11" ht="17.25" customHeight="1" x14ac:dyDescent="0.4">
      <c r="C9" s="1" t="s">
        <v>234</v>
      </c>
    </row>
    <row r="10" spans="1:11" ht="17.25" customHeight="1" x14ac:dyDescent="0.4">
      <c r="C10" s="1" t="s">
        <v>235</v>
      </c>
    </row>
    <row r="11" spans="1:11" ht="17.25" customHeight="1" x14ac:dyDescent="0.4">
      <c r="C11" s="1" t="s">
        <v>266</v>
      </c>
    </row>
    <row r="12" spans="1:11" ht="6.6" customHeight="1" x14ac:dyDescent="0.4"/>
    <row r="13" spans="1:11" ht="17.25" customHeight="1" x14ac:dyDescent="0.4">
      <c r="B13" s="59" t="s">
        <v>258</v>
      </c>
      <c r="C13" s="10" t="s">
        <v>39</v>
      </c>
      <c r="H13" s="1" t="s">
        <v>221</v>
      </c>
    </row>
    <row r="14" spans="1:11" ht="17.25" customHeight="1" x14ac:dyDescent="0.4">
      <c r="C14" s="1" t="s">
        <v>272</v>
      </c>
    </row>
    <row r="15" spans="1:11" ht="7.15" customHeight="1" x14ac:dyDescent="0.4"/>
    <row r="16" spans="1:11" ht="17.25" customHeight="1" x14ac:dyDescent="0.4">
      <c r="B16" s="59" t="s">
        <v>259</v>
      </c>
      <c r="C16" s="10" t="s">
        <v>40</v>
      </c>
    </row>
    <row r="17" spans="3:3" ht="17.25" customHeight="1" x14ac:dyDescent="0.4">
      <c r="C17" s="1" t="s">
        <v>100</v>
      </c>
    </row>
    <row r="18" spans="3:3" ht="17.25" customHeight="1" x14ac:dyDescent="0.4">
      <c r="C18" s="1" t="s">
        <v>62</v>
      </c>
    </row>
    <row r="19" spans="3:3" ht="17.25" customHeight="1" x14ac:dyDescent="0.4">
      <c r="C19" s="1" t="s">
        <v>63</v>
      </c>
    </row>
    <row r="20" spans="3:3" ht="17.25" customHeight="1" x14ac:dyDescent="0.4">
      <c r="C20" s="1" t="s">
        <v>41</v>
      </c>
    </row>
    <row r="21" spans="3:3" ht="17.25" customHeight="1" x14ac:dyDescent="0.4">
      <c r="C21" s="1" t="s">
        <v>45</v>
      </c>
    </row>
    <row r="22" spans="3:3" ht="4.9000000000000004" customHeight="1" x14ac:dyDescent="0.4"/>
    <row r="23" spans="3:3" ht="17.25" customHeight="1" x14ac:dyDescent="0.4">
      <c r="C23" s="1" t="s">
        <v>42</v>
      </c>
    </row>
    <row r="24" spans="3:3" ht="17.25" customHeight="1" x14ac:dyDescent="0.4">
      <c r="C24" s="1" t="s">
        <v>46</v>
      </c>
    </row>
    <row r="25" spans="3:3" ht="17.25" customHeight="1" x14ac:dyDescent="0.4">
      <c r="C25" s="1" t="s">
        <v>52</v>
      </c>
    </row>
    <row r="26" spans="3:3" ht="17.25" customHeight="1" x14ac:dyDescent="0.4">
      <c r="C26" s="1" t="s">
        <v>53</v>
      </c>
    </row>
    <row r="27" spans="3:3" ht="17.25" customHeight="1" x14ac:dyDescent="0.4">
      <c r="C27" s="1" t="s">
        <v>55</v>
      </c>
    </row>
    <row r="28" spans="3:3" ht="17.25" customHeight="1" x14ac:dyDescent="0.4">
      <c r="C28" s="1" t="s">
        <v>54</v>
      </c>
    </row>
    <row r="29" spans="3:3" ht="17.25" customHeight="1" x14ac:dyDescent="0.4">
      <c r="C29" s="1" t="s">
        <v>236</v>
      </c>
    </row>
    <row r="30" spans="3:3" ht="17.25" customHeight="1" x14ac:dyDescent="0.4">
      <c r="C30" s="1" t="s">
        <v>237</v>
      </c>
    </row>
    <row r="31" spans="3:3" ht="4.9000000000000004" customHeight="1" x14ac:dyDescent="0.4"/>
    <row r="32" spans="3:3" ht="17.25" customHeight="1" x14ac:dyDescent="0.4">
      <c r="C32" s="1" t="s">
        <v>238</v>
      </c>
    </row>
    <row r="33" spans="3:15" ht="13.15" customHeight="1" x14ac:dyDescent="0.4">
      <c r="F33" s="30" t="s">
        <v>49</v>
      </c>
      <c r="G33" s="13" t="s">
        <v>50</v>
      </c>
      <c r="H33" s="18" t="s">
        <v>96</v>
      </c>
      <c r="I33" s="13" t="s">
        <v>92</v>
      </c>
      <c r="J33" s="18" t="s">
        <v>97</v>
      </c>
      <c r="K33" s="5"/>
      <c r="L33" s="5"/>
      <c r="M33" s="5"/>
      <c r="N33" s="5"/>
      <c r="O33" s="5"/>
    </row>
    <row r="34" spans="3:15" ht="12.2" customHeight="1" x14ac:dyDescent="0.4">
      <c r="C34" s="68" t="s">
        <v>3</v>
      </c>
      <c r="D34" s="69"/>
      <c r="E34" s="70"/>
      <c r="F34" s="20">
        <v>109577</v>
      </c>
      <c r="G34" s="14">
        <v>901</v>
      </c>
      <c r="H34" s="19">
        <v>0.82</v>
      </c>
      <c r="I34" s="14">
        <v>281</v>
      </c>
      <c r="J34" s="33">
        <f>I34/G34*100</f>
        <v>31.187569367369587</v>
      </c>
      <c r="K34" s="32"/>
      <c r="L34" s="32"/>
      <c r="M34" s="5"/>
      <c r="N34" s="5"/>
      <c r="O34" s="5"/>
    </row>
    <row r="35" spans="3:15" ht="12.2" customHeight="1" x14ac:dyDescent="0.4">
      <c r="C35" s="71" t="s">
        <v>4</v>
      </c>
      <c r="D35" s="72"/>
      <c r="E35" s="73"/>
      <c r="F35" s="21">
        <v>157463</v>
      </c>
      <c r="G35" s="15">
        <v>826</v>
      </c>
      <c r="H35" s="16">
        <v>0.52</v>
      </c>
      <c r="I35" s="15">
        <v>208</v>
      </c>
      <c r="J35" s="34">
        <f>I35/G35*100</f>
        <v>25.181598062953999</v>
      </c>
      <c r="K35" s="32"/>
      <c r="L35" s="32"/>
      <c r="M35" s="5"/>
      <c r="N35" s="5"/>
      <c r="O35" s="5"/>
    </row>
    <row r="36" spans="3:15" ht="12.2" customHeight="1" x14ac:dyDescent="0.4">
      <c r="C36" s="71" t="s">
        <v>5</v>
      </c>
      <c r="D36" s="72"/>
      <c r="E36" s="73"/>
      <c r="F36" s="21">
        <v>188032</v>
      </c>
      <c r="G36" s="15">
        <v>836</v>
      </c>
      <c r="H36" s="16">
        <v>0.44</v>
      </c>
      <c r="I36" s="15">
        <v>206</v>
      </c>
      <c r="J36" s="34">
        <f>I36/G36*100</f>
        <v>24.641148325358852</v>
      </c>
      <c r="K36" s="32"/>
      <c r="L36" s="32"/>
      <c r="M36" s="5"/>
      <c r="N36" s="5"/>
      <c r="O36" s="5"/>
    </row>
    <row r="37" spans="3:15" ht="12.2" customHeight="1" x14ac:dyDescent="0.4">
      <c r="C37" s="71" t="s">
        <v>6</v>
      </c>
      <c r="D37" s="72"/>
      <c r="E37" s="73"/>
      <c r="F37" s="21">
        <v>184490</v>
      </c>
      <c r="G37" s="15">
        <v>1143</v>
      </c>
      <c r="H37" s="16">
        <v>0.62</v>
      </c>
      <c r="I37" s="15">
        <v>325</v>
      </c>
      <c r="J37" s="34">
        <f>I37/G37*100</f>
        <v>28.433945756780403</v>
      </c>
      <c r="K37" s="32"/>
      <c r="L37" s="32"/>
      <c r="M37" s="5"/>
      <c r="N37" s="5"/>
      <c r="O37" s="5"/>
    </row>
    <row r="38" spans="3:15" ht="12.2" customHeight="1" x14ac:dyDescent="0.4">
      <c r="C38" s="74" t="s">
        <v>7</v>
      </c>
      <c r="D38" s="75"/>
      <c r="E38" s="76"/>
      <c r="F38" s="22">
        <v>185849</v>
      </c>
      <c r="G38" s="23">
        <v>1294</v>
      </c>
      <c r="H38" s="43">
        <v>0.7</v>
      </c>
      <c r="I38" s="23">
        <v>427</v>
      </c>
      <c r="J38" s="35">
        <f>I38/G38*100</f>
        <v>32.998454404945903</v>
      </c>
      <c r="K38" s="32"/>
      <c r="L38" s="32"/>
      <c r="M38" s="5"/>
      <c r="N38" s="5"/>
      <c r="O38" s="5"/>
    </row>
    <row r="39" spans="3:15" ht="12.2" customHeight="1" x14ac:dyDescent="0.4">
      <c r="C39" s="25"/>
      <c r="D39" s="26"/>
      <c r="E39" s="26"/>
      <c r="F39" s="27">
        <v>825411</v>
      </c>
      <c r="G39" s="28">
        <v>5000</v>
      </c>
      <c r="H39" s="17">
        <v>0.61</v>
      </c>
      <c r="I39" s="28">
        <f>SUM(I34:I38)</f>
        <v>1447</v>
      </c>
      <c r="J39" s="36">
        <f>I39/5000*100</f>
        <v>28.939999999999998</v>
      </c>
      <c r="K39" s="5"/>
      <c r="L39" s="5"/>
      <c r="M39" s="5"/>
      <c r="N39" s="5"/>
      <c r="O39" s="5"/>
    </row>
    <row r="40" spans="3:15" ht="12.6" customHeight="1" x14ac:dyDescent="0.4">
      <c r="C40" s="12"/>
      <c r="J40" s="48" t="s">
        <v>222</v>
      </c>
      <c r="K40" s="5"/>
      <c r="L40" s="5"/>
      <c r="M40" s="5"/>
      <c r="N40" s="5"/>
      <c r="O40" s="5"/>
    </row>
    <row r="41" spans="3:15" ht="17.25" customHeight="1" x14ac:dyDescent="0.4">
      <c r="C41" s="1" t="s">
        <v>239</v>
      </c>
      <c r="J41" s="5"/>
      <c r="K41" s="5"/>
      <c r="L41" s="5"/>
      <c r="M41" s="5"/>
      <c r="N41" s="5"/>
      <c r="O41" s="5"/>
    </row>
    <row r="42" spans="3:15" ht="13.15" customHeight="1" x14ac:dyDescent="0.4">
      <c r="F42" s="30" t="s">
        <v>49</v>
      </c>
      <c r="G42" s="13" t="s">
        <v>50</v>
      </c>
      <c r="H42" s="18" t="s">
        <v>95</v>
      </c>
      <c r="I42" s="13" t="s">
        <v>92</v>
      </c>
      <c r="J42" s="18" t="s">
        <v>97</v>
      </c>
      <c r="K42" s="5"/>
      <c r="L42" s="5"/>
      <c r="M42" s="5"/>
      <c r="N42" s="5"/>
      <c r="O42" s="5"/>
    </row>
    <row r="43" spans="3:15" ht="12.2" customHeight="1" x14ac:dyDescent="0.4">
      <c r="C43" s="68" t="s">
        <v>8</v>
      </c>
      <c r="D43" s="69"/>
      <c r="E43" s="70"/>
      <c r="F43" s="20">
        <v>195721</v>
      </c>
      <c r="G43" s="14">
        <v>1025</v>
      </c>
      <c r="H43" s="19">
        <v>0.52</v>
      </c>
      <c r="I43" s="14">
        <v>366</v>
      </c>
      <c r="J43" s="33">
        <f>I43/G43*100</f>
        <v>35.707317073170728</v>
      </c>
    </row>
    <row r="44" spans="3:15" ht="12.2" customHeight="1" x14ac:dyDescent="0.4">
      <c r="C44" s="71" t="s">
        <v>9</v>
      </c>
      <c r="D44" s="72"/>
      <c r="E44" s="73"/>
      <c r="F44" s="21">
        <v>223420</v>
      </c>
      <c r="G44" s="15">
        <v>1237</v>
      </c>
      <c r="H44" s="16">
        <v>0.55000000000000004</v>
      </c>
      <c r="I44" s="15">
        <v>449</v>
      </c>
      <c r="J44" s="34">
        <f>I44/G44*100</f>
        <v>36.297493936944221</v>
      </c>
    </row>
    <row r="45" spans="3:15" ht="12.2" customHeight="1" x14ac:dyDescent="0.4">
      <c r="C45" s="71" t="s">
        <v>10</v>
      </c>
      <c r="D45" s="72"/>
      <c r="E45" s="73"/>
      <c r="F45" s="21">
        <v>194410</v>
      </c>
      <c r="G45" s="15">
        <v>1051</v>
      </c>
      <c r="H45" s="16">
        <v>0.54</v>
      </c>
      <c r="I45" s="15">
        <v>441</v>
      </c>
      <c r="J45" s="34">
        <f>I45/G45*100</f>
        <v>41.960038058991437</v>
      </c>
    </row>
    <row r="46" spans="3:15" ht="12.2" customHeight="1" x14ac:dyDescent="0.4">
      <c r="C46" s="71" t="s">
        <v>11</v>
      </c>
      <c r="D46" s="72"/>
      <c r="E46" s="73"/>
      <c r="F46" s="21">
        <v>163610</v>
      </c>
      <c r="G46" s="15">
        <v>904</v>
      </c>
      <c r="H46" s="16">
        <v>0.55000000000000004</v>
      </c>
      <c r="I46" s="15">
        <v>387</v>
      </c>
      <c r="J46" s="34">
        <f>I46/G46*100</f>
        <v>42.809734513274336</v>
      </c>
    </row>
    <row r="47" spans="3:15" ht="12.2" customHeight="1" x14ac:dyDescent="0.4">
      <c r="C47" s="74" t="s">
        <v>12</v>
      </c>
      <c r="D47" s="75"/>
      <c r="E47" s="76"/>
      <c r="F47" s="22">
        <v>138722</v>
      </c>
      <c r="G47" s="23">
        <v>783</v>
      </c>
      <c r="H47" s="24">
        <v>0.56000000000000005</v>
      </c>
      <c r="I47" s="23">
        <v>443</v>
      </c>
      <c r="J47" s="35">
        <f>I47/G47*100</f>
        <v>56.577266922094502</v>
      </c>
    </row>
    <row r="48" spans="3:15" ht="12.2" customHeight="1" x14ac:dyDescent="0.4">
      <c r="C48" s="25"/>
      <c r="D48" s="26"/>
      <c r="E48" s="26"/>
      <c r="F48" s="27">
        <v>915883</v>
      </c>
      <c r="G48" s="28">
        <v>5000</v>
      </c>
      <c r="H48" s="17">
        <v>0.55000000000000004</v>
      </c>
      <c r="I48" s="28">
        <f>SUM(I43:I47)</f>
        <v>2086</v>
      </c>
      <c r="J48" s="36">
        <f>I48/5000*100</f>
        <v>41.72</v>
      </c>
    </row>
    <row r="49" spans="10:10" ht="12.6" customHeight="1" x14ac:dyDescent="0.4">
      <c r="J49" s="48" t="s">
        <v>222</v>
      </c>
    </row>
  </sheetData>
  <mergeCells count="11">
    <mergeCell ref="C47:E47"/>
    <mergeCell ref="C38:E38"/>
    <mergeCell ref="C43:E43"/>
    <mergeCell ref="C44:E44"/>
    <mergeCell ref="C45:E45"/>
    <mergeCell ref="C46:E46"/>
    <mergeCell ref="A1:K1"/>
    <mergeCell ref="C34:E34"/>
    <mergeCell ref="C35:E35"/>
    <mergeCell ref="C36:E36"/>
    <mergeCell ref="C37:E37"/>
  </mergeCells>
  <phoneticPr fontId="2"/>
  <pageMargins left="0.70866141732283472" right="0.70866141732283472" top="0.74803149606299213" bottom="0.74803149606299213" header="0.31496062992125984" footer="0.31496062992125984"/>
  <pageSetup paperSize="9" orientation="portrait" r:id="rId1"/>
  <headerFooter>
    <oddFooter>&amp;C&amp;"ＭＳ Ｐ明朝,標準"-&amp;A-</oddFooter>
  </headerFooter>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20</vt:i4>
      </vt:variant>
      <vt:variant>
        <vt:lpstr>名前付き一覧</vt:lpstr>
      </vt:variant>
      <vt:variant>
        <vt:i4>20</vt:i4>
      </vt:variant>
    </vt:vector>
  </HeadingPairs>
  <TitlesOfParts>
    <vt:vector size="40" baseType="lpstr">
      <vt:lpstr>表紙</vt:lpstr>
      <vt:lpstr>白</vt:lpstr>
      <vt:lpstr>目次</vt:lpstr>
      <vt:lpstr>目次 (2)</vt:lpstr>
      <vt:lpstr>目次 (3)</vt:lpstr>
      <vt:lpstr>目次 (4)</vt:lpstr>
      <vt:lpstr>中表紙</vt:lpstr>
      <vt:lpstr>白 (3)</vt:lpstr>
      <vt:lpstr>1</vt:lpstr>
      <vt:lpstr>2</vt:lpstr>
      <vt:lpstr>3</vt:lpstr>
      <vt:lpstr>4</vt:lpstr>
      <vt:lpstr>5</vt:lpstr>
      <vt:lpstr>6</vt:lpstr>
      <vt:lpstr>中表紙 (2)</vt:lpstr>
      <vt:lpstr>白 (4)</vt:lpstr>
      <vt:lpstr>7</vt:lpstr>
      <vt:lpstr>8</vt:lpstr>
      <vt:lpstr>9</vt:lpstr>
      <vt:lpstr>10</vt:lpstr>
      <vt:lpstr>'1'!Print_Area</vt:lpstr>
      <vt:lpstr>'10'!Print_Area</vt:lpstr>
      <vt:lpstr>'2'!Print_Area</vt:lpstr>
      <vt:lpstr>'3'!Print_Area</vt:lpstr>
      <vt:lpstr>'4'!Print_Area</vt:lpstr>
      <vt:lpstr>'5'!Print_Area</vt:lpstr>
      <vt:lpstr>'6'!Print_Area</vt:lpstr>
      <vt:lpstr>'7'!Print_Area</vt:lpstr>
      <vt:lpstr>'8'!Print_Area</vt:lpstr>
      <vt:lpstr>'9'!Print_Area</vt:lpstr>
      <vt:lpstr>中表紙!Print_Area</vt:lpstr>
      <vt:lpstr>'中表紙 (2)'!Print_Area</vt:lpstr>
      <vt:lpstr>白!Print_Area</vt:lpstr>
      <vt:lpstr>'白 (3)'!Print_Area</vt:lpstr>
      <vt:lpstr>'白 (4)'!Print_Area</vt:lpstr>
      <vt:lpstr>表紙!Print_Area</vt:lpstr>
      <vt:lpstr>目次!Print_Area</vt:lpstr>
      <vt:lpstr>'目次 (2)'!Print_Area</vt:lpstr>
      <vt:lpstr>'目次 (3)'!Print_Area</vt:lpstr>
      <vt:lpstr>'目次 (4)'!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5-17T02:54:10Z</cp:lastPrinted>
  <dcterms:created xsi:type="dcterms:W3CDTF">2020-12-24T04:19:03Z</dcterms:created>
  <dcterms:modified xsi:type="dcterms:W3CDTF">2021-05-17T02:54:30Z</dcterms:modified>
</cp:coreProperties>
</file>